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  <Override PartName="/ppt/changesInfos/changesInfo1.xml" ContentType="application/vnd.ms-powerpoint.changesinfo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32"/>
  </p:sldMasterIdLst>
  <p:notesMasterIdLst>
    <p:notesMasterId r:id="rId53"/>
  </p:notesMasterIdLst>
  <p:sldIdLst>
    <p:sldId id="259" r:id="rId33"/>
    <p:sldId id="260" r:id="rId34"/>
    <p:sldId id="261" r:id="rId35"/>
    <p:sldId id="264" r:id="rId36"/>
    <p:sldId id="265" r:id="rId37"/>
    <p:sldId id="262" r:id="rId38"/>
    <p:sldId id="271" r:id="rId39"/>
    <p:sldId id="263" r:id="rId40"/>
    <p:sldId id="267" r:id="rId41"/>
    <p:sldId id="268" r:id="rId42"/>
    <p:sldId id="272" r:id="rId43"/>
    <p:sldId id="274" r:id="rId44"/>
    <p:sldId id="275" r:id="rId45"/>
    <p:sldId id="273" r:id="rId46"/>
    <p:sldId id="276" r:id="rId47"/>
    <p:sldId id="277" r:id="rId48"/>
    <p:sldId id="266" r:id="rId49"/>
    <p:sldId id="269" r:id="rId50"/>
    <p:sldId id="278" r:id="rId51"/>
    <p:sldId id="279" r:id="rId52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. Pol" initials="NP" lastIdx="5" clrIdx="0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7E66F3-01CF-475D-99D7-BD906D38E0D1}" v="55" dt="2022-01-21T15:07:47.60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877" autoAdjust="0"/>
    <p:restoredTop sz="88198" autoAdjust="0"/>
  </p:normalViewPr>
  <p:slideViewPr>
    <p:cSldViewPr snapToGrid="0">
      <p:cViewPr varScale="1">
        <p:scale>
          <a:sx n="80" d="100"/>
          <a:sy n="80" d="100"/>
        </p:scale>
        <p:origin x="984" y="6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7.xml"/><Relationship Id="rId21" Type="http://schemas.openxmlformats.org/officeDocument/2006/relationships/customXml" Target="../customXml/item21.xml"/><Relationship Id="rId34" Type="http://schemas.openxmlformats.org/officeDocument/2006/relationships/slide" Target="slides/slide2.xml"/><Relationship Id="rId42" Type="http://schemas.openxmlformats.org/officeDocument/2006/relationships/slide" Target="slides/slide10.xml"/><Relationship Id="rId47" Type="http://schemas.openxmlformats.org/officeDocument/2006/relationships/slide" Target="slides/slide15.xml"/><Relationship Id="rId50" Type="http://schemas.openxmlformats.org/officeDocument/2006/relationships/slide" Target="slides/slide18.xml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Master" Target="slideMasters/slideMaster1.xml"/><Relationship Id="rId37" Type="http://schemas.openxmlformats.org/officeDocument/2006/relationships/slide" Target="slides/slide5.xml"/><Relationship Id="rId40" Type="http://schemas.openxmlformats.org/officeDocument/2006/relationships/slide" Target="slides/slide8.xml"/><Relationship Id="rId45" Type="http://schemas.openxmlformats.org/officeDocument/2006/relationships/slide" Target="slides/slide13.xml"/><Relationship Id="rId53" Type="http://schemas.openxmlformats.org/officeDocument/2006/relationships/notesMaster" Target="notesMasters/notesMaster1.xml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3.xml"/><Relationship Id="rId43" Type="http://schemas.openxmlformats.org/officeDocument/2006/relationships/slide" Target="slides/slide11.xml"/><Relationship Id="rId48" Type="http://schemas.openxmlformats.org/officeDocument/2006/relationships/slide" Target="slides/slide16.xml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19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1.xml"/><Relationship Id="rId38" Type="http://schemas.openxmlformats.org/officeDocument/2006/relationships/slide" Target="slides/slide6.xml"/><Relationship Id="rId46" Type="http://schemas.openxmlformats.org/officeDocument/2006/relationships/slide" Target="slides/slide14.xml"/><Relationship Id="rId59" Type="http://schemas.microsoft.com/office/2015/10/relationships/revisionInfo" Target="revisionInfo.xml"/><Relationship Id="rId20" Type="http://schemas.openxmlformats.org/officeDocument/2006/relationships/customXml" Target="../customXml/item20.xml"/><Relationship Id="rId41" Type="http://schemas.openxmlformats.org/officeDocument/2006/relationships/slide" Target="slides/slide9.xml"/><Relationship Id="rId54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4.xml"/><Relationship Id="rId49" Type="http://schemas.openxmlformats.org/officeDocument/2006/relationships/slide" Target="slides/slide17.xml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12.xml"/><Relationship Id="rId52" Type="http://schemas.openxmlformats.org/officeDocument/2006/relationships/slide" Target="slides/slide20.xml"/><Relationship Id="rId60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emi de Vogel" userId="5948360e-7b9c-4a22-9ada-df5e8b901c82" providerId="ADAL" clId="{C67E66F3-01CF-475D-99D7-BD906D38E0D1}"/>
    <pc:docChg chg="undo custSel addSld delSld modSld modMainMaster">
      <pc:chgData name="Remi de Vogel" userId="5948360e-7b9c-4a22-9ada-df5e8b901c82" providerId="ADAL" clId="{C67E66F3-01CF-475D-99D7-BD906D38E0D1}" dt="2022-01-21T15:08:42.226" v="141" actId="20577"/>
      <pc:docMkLst>
        <pc:docMk/>
      </pc:docMkLst>
      <pc:sldChg chg="addSp delSp modSp mod chgLayout">
        <pc:chgData name="Remi de Vogel" userId="5948360e-7b9c-4a22-9ada-df5e8b901c82" providerId="ADAL" clId="{C67E66F3-01CF-475D-99D7-BD906D38E0D1}" dt="2022-01-21T15:08:19.754" v="120" actId="6264"/>
        <pc:sldMkLst>
          <pc:docMk/>
          <pc:sldMk cId="3137370692" sldId="257"/>
        </pc:sldMkLst>
        <pc:spChg chg="add del mo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2" creationId="{06F599DE-4121-4025-A367-903407407264}"/>
          </ac:spMkLst>
        </pc:spChg>
        <pc:spChg chg="add del mo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3" creationId="{23B05B3F-F7A5-4F7B-B1D2-EEE675F2706D}"/>
          </ac:spMkLst>
        </pc:spChg>
        <pc:spChg chg="add del mo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4" creationId="{4BE72067-662C-478E-B726-6C1B05342556}"/>
          </ac:spMkLst>
        </pc:spChg>
        <pc:spChg chg="mod or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5" creationId="{E6DF0C1F-ED6C-496C-8B8D-0057C67F43B0}"/>
          </ac:spMkLst>
        </pc:spChg>
        <pc:spChg chg="mod or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6" creationId="{F49F28FD-BD19-4AA1-9119-7C7C70C6C386}"/>
          </ac:spMkLst>
        </pc:spChg>
        <pc:spChg chg="mod or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7" creationId="{19BF589D-A6E7-4F34-99B1-A168B095D767}"/>
          </ac:spMkLst>
        </pc:spChg>
        <pc:spChg chg="add mod or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8" creationId="{23935CB3-11D6-4E3C-BA9C-96D93337DBE4}"/>
          </ac:spMkLst>
        </pc:spChg>
        <pc:spChg chg="add mod or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9" creationId="{1DFC12A6-F18E-46C4-97B9-F816C2047A86}"/>
          </ac:spMkLst>
        </pc:spChg>
        <pc:spChg chg="add mod or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10" creationId="{78E73545-4B28-4A4B-BB5F-E7F9B668B4F6}"/>
          </ac:spMkLst>
        </pc:spChg>
        <pc:spChg chg="add mod or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11" creationId="{4AE6CD11-7A00-41B4-BA52-09DB435B70FE}"/>
          </ac:spMkLst>
        </pc:spChg>
        <pc:spChg chg="add mod or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12" creationId="{CAA0C080-7DF7-4B56-9C88-26540CC7486F}"/>
          </ac:spMkLst>
        </pc:spChg>
        <pc:spChg chg="add mod ord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13" creationId="{92E90C42-7A02-418D-8120-188437D0D0FD}"/>
          </ac:spMkLst>
        </pc:spChg>
        <pc:spChg chg="del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14" creationId="{F4A82614-4494-4480-BBFF-2418489CD550}"/>
          </ac:spMkLst>
        </pc:spChg>
        <pc:spChg chg="del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15" creationId="{D369D1E6-EFDB-4FF7-A4FE-C32730E8D73B}"/>
          </ac:spMkLst>
        </pc:spChg>
        <pc:spChg chg="del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16" creationId="{22A7BF5C-0A5A-462B-B7D2-3E00B63779EA}"/>
          </ac:spMkLst>
        </pc:spChg>
        <pc:spChg chg="del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17" creationId="{2ECE6FE5-9BF2-428E-A018-E705F361C29C}"/>
          </ac:spMkLst>
        </pc:spChg>
        <pc:spChg chg="del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18" creationId="{02DC4ECE-7EF7-43F4-9651-0099A416E3D3}"/>
          </ac:spMkLst>
        </pc:spChg>
        <pc:spChg chg="del">
          <ac:chgData name="Remi de Vogel" userId="5948360e-7b9c-4a22-9ada-df5e8b901c82" providerId="ADAL" clId="{C67E66F3-01CF-475D-99D7-BD906D38E0D1}" dt="2022-01-21T15:08:19.754" v="120" actId="6264"/>
          <ac:spMkLst>
            <pc:docMk/>
            <pc:sldMk cId="3137370692" sldId="257"/>
            <ac:spMk id="19" creationId="{F6B2912E-8EF2-4834-B1B6-9EA8D8E7DEC6}"/>
          </ac:spMkLst>
        </pc:spChg>
      </pc:sldChg>
      <pc:sldChg chg="modSp mod">
        <pc:chgData name="Remi de Vogel" userId="5948360e-7b9c-4a22-9ada-df5e8b901c82" providerId="ADAL" clId="{C67E66F3-01CF-475D-99D7-BD906D38E0D1}" dt="2022-01-21T15:08:42.226" v="141" actId="20577"/>
        <pc:sldMkLst>
          <pc:docMk/>
          <pc:sldMk cId="4243972458" sldId="258"/>
        </pc:sldMkLst>
        <pc:spChg chg="mod">
          <ac:chgData name="Remi de Vogel" userId="5948360e-7b9c-4a22-9ada-df5e8b901c82" providerId="ADAL" clId="{C67E66F3-01CF-475D-99D7-BD906D38E0D1}" dt="2022-01-21T15:08:42.226" v="141" actId="20577"/>
          <ac:spMkLst>
            <pc:docMk/>
            <pc:sldMk cId="4243972458" sldId="258"/>
            <ac:spMk id="49" creationId="{D88D8CE8-2D4A-4FA3-9C9E-C90B6231A06B}"/>
          </ac:spMkLst>
        </pc:spChg>
      </pc:sldChg>
      <pc:sldChg chg="modSp new del mod">
        <pc:chgData name="Remi de Vogel" userId="5948360e-7b9c-4a22-9ada-df5e8b901c82" providerId="ADAL" clId="{C67E66F3-01CF-475D-99D7-BD906D38E0D1}" dt="2022-01-21T15:08:39.448" v="139" actId="47"/>
        <pc:sldMkLst>
          <pc:docMk/>
          <pc:sldMk cId="1093551273" sldId="259"/>
        </pc:sldMkLst>
        <pc:spChg chg="mod">
          <ac:chgData name="Remi de Vogel" userId="5948360e-7b9c-4a22-9ada-df5e8b901c82" providerId="ADAL" clId="{C67E66F3-01CF-475D-99D7-BD906D38E0D1}" dt="2022-01-21T15:08:37.356" v="138" actId="20577"/>
          <ac:spMkLst>
            <pc:docMk/>
            <pc:sldMk cId="1093551273" sldId="259"/>
            <ac:spMk id="3" creationId="{1B84876C-6CDF-4A0F-A541-E8C9B1821C2F}"/>
          </ac:spMkLst>
        </pc:spChg>
      </pc:sldChg>
      <pc:sldMasterChg chg="modSp mod modSldLayout">
        <pc:chgData name="Remi de Vogel" userId="5948360e-7b9c-4a22-9ada-df5e8b901c82" providerId="ADAL" clId="{C67E66F3-01CF-475D-99D7-BD906D38E0D1}" dt="2022-01-21T15:08:09.621" v="119"/>
        <pc:sldMasterMkLst>
          <pc:docMk/>
          <pc:sldMasterMk cId="0" sldId="2147483648"/>
        </pc:sldMasterMkLst>
        <pc:spChg chg="mod">
          <ac:chgData name="Remi de Vogel" userId="5948360e-7b9c-4a22-9ada-df5e8b901c82" providerId="ADAL" clId="{C67E66F3-01CF-475D-99D7-BD906D38E0D1}" dt="2022-01-21T15:06:13.904" v="24" actId="20577"/>
          <ac:spMkLst>
            <pc:docMk/>
            <pc:sldMasterMk cId="0" sldId="2147483648"/>
            <ac:spMk id="1027" creationId="{49A86127-AF9F-2C41-9CC5-60997F3C5702}"/>
          </ac:spMkLst>
        </pc:spChg>
        <pc:sldLayoutChg chg="modSp mod">
          <pc:chgData name="Remi de Vogel" userId="5948360e-7b9c-4a22-9ada-df5e8b901c82" providerId="ADAL" clId="{C67E66F3-01CF-475D-99D7-BD906D38E0D1}" dt="2022-01-21T15:07:14.011" v="89" actId="6549"/>
          <pc:sldLayoutMkLst>
            <pc:docMk/>
            <pc:sldMasterMk cId="0" sldId="2147483648"/>
            <pc:sldLayoutMk cId="358699478" sldId="2147483966"/>
          </pc:sldLayoutMkLst>
          <pc:spChg chg="mod">
            <ac:chgData name="Remi de Vogel" userId="5948360e-7b9c-4a22-9ada-df5e8b901c82" providerId="ADAL" clId="{C67E66F3-01CF-475D-99D7-BD906D38E0D1}" dt="2022-01-21T15:07:14.011" v="89" actId="6549"/>
            <ac:spMkLst>
              <pc:docMk/>
              <pc:sldMasterMk cId="0" sldId="2147483648"/>
              <pc:sldLayoutMk cId="358699478" sldId="2147483966"/>
              <ac:spMk id="22" creationId="{8B00E604-4B97-4510-A3F5-5F4967D4D269}"/>
            </ac:spMkLst>
          </pc:spChg>
        </pc:sldLayoutChg>
        <pc:sldLayoutChg chg="modSp mod">
          <pc:chgData name="Remi de Vogel" userId="5948360e-7b9c-4a22-9ada-df5e8b901c82" providerId="ADAL" clId="{C67E66F3-01CF-475D-99D7-BD906D38E0D1}" dt="2022-01-21T15:08:02.862" v="116"/>
          <pc:sldLayoutMkLst>
            <pc:docMk/>
            <pc:sldMasterMk cId="0" sldId="2147483648"/>
            <pc:sldLayoutMk cId="1616688732" sldId="2147483968"/>
          </pc:sldLayoutMkLst>
          <pc:spChg chg="mod">
            <ac:chgData name="Remi de Vogel" userId="5948360e-7b9c-4a22-9ada-df5e8b901c82" providerId="ADAL" clId="{C67E66F3-01CF-475D-99D7-BD906D38E0D1}" dt="2022-01-21T15:08:02.862" v="116"/>
            <ac:spMkLst>
              <pc:docMk/>
              <pc:sldMasterMk cId="0" sldId="2147483648"/>
              <pc:sldLayoutMk cId="1616688732" sldId="2147483968"/>
              <ac:spMk id="3" creationId="{CC9813C8-B51D-6841-B87E-E5EC608D4974}"/>
            </ac:spMkLst>
          </pc:spChg>
          <pc:spChg chg="mod">
            <ac:chgData name="Remi de Vogel" userId="5948360e-7b9c-4a22-9ada-df5e8b901c82" providerId="ADAL" clId="{C67E66F3-01CF-475D-99D7-BD906D38E0D1}" dt="2022-01-21T15:07:26.562" v="98" actId="20577"/>
            <ac:spMkLst>
              <pc:docMk/>
              <pc:sldMasterMk cId="0" sldId="2147483648"/>
              <pc:sldLayoutMk cId="1616688732" sldId="2147483968"/>
              <ac:spMk id="4" creationId="{94CED3C7-DD9C-C945-8B8C-FF0FF6605954}"/>
            </ac:spMkLst>
          </pc:spChg>
        </pc:sldLayoutChg>
        <pc:sldLayoutChg chg="modSp mod">
          <pc:chgData name="Remi de Vogel" userId="5948360e-7b9c-4a22-9ada-df5e8b901c82" providerId="ADAL" clId="{C67E66F3-01CF-475D-99D7-BD906D38E0D1}" dt="2022-01-21T15:08:09.621" v="119"/>
          <pc:sldLayoutMkLst>
            <pc:docMk/>
            <pc:sldMasterMk cId="0" sldId="2147483648"/>
            <pc:sldLayoutMk cId="1418167902" sldId="2147483969"/>
          </pc:sldLayoutMkLst>
          <pc:spChg chg="mod">
            <ac:chgData name="Remi de Vogel" userId="5948360e-7b9c-4a22-9ada-df5e8b901c82" providerId="ADAL" clId="{C67E66F3-01CF-475D-99D7-BD906D38E0D1}" dt="2022-01-21T15:08:05.694" v="117"/>
            <ac:spMkLst>
              <pc:docMk/>
              <pc:sldMasterMk cId="0" sldId="2147483648"/>
              <pc:sldLayoutMk cId="1418167902" sldId="2147483969"/>
              <ac:spMk id="14" creationId="{F28CC1D8-B688-4145-9196-20A3827814D3}"/>
            </ac:spMkLst>
          </pc:spChg>
          <pc:spChg chg="mod">
            <ac:chgData name="Remi de Vogel" userId="5948360e-7b9c-4a22-9ada-df5e8b901c82" providerId="ADAL" clId="{C67E66F3-01CF-475D-99D7-BD906D38E0D1}" dt="2022-01-21T15:08:09.621" v="119"/>
            <ac:spMkLst>
              <pc:docMk/>
              <pc:sldMasterMk cId="0" sldId="2147483648"/>
              <pc:sldLayoutMk cId="1418167902" sldId="2147483969"/>
              <ac:spMk id="15" creationId="{5E7B9D8C-5520-4CA3-8B03-D336D53E0E10}"/>
            </ac:spMkLst>
          </pc:spChg>
        </pc:sldLayoutChg>
        <pc:sldLayoutChg chg="modSp mod">
          <pc:chgData name="Remi de Vogel" userId="5948360e-7b9c-4a22-9ada-df5e8b901c82" providerId="ADAL" clId="{C67E66F3-01CF-475D-99D7-BD906D38E0D1}" dt="2022-01-21T15:07:32.352" v="102"/>
          <pc:sldLayoutMkLst>
            <pc:docMk/>
            <pc:sldMasterMk cId="0" sldId="2147483648"/>
            <pc:sldLayoutMk cId="379928874" sldId="2147483972"/>
          </pc:sldLayoutMkLst>
          <pc:spChg chg="mod">
            <ac:chgData name="Remi de Vogel" userId="5948360e-7b9c-4a22-9ada-df5e8b901c82" providerId="ADAL" clId="{C67E66F3-01CF-475D-99D7-BD906D38E0D1}" dt="2022-01-21T15:07:30.287" v="100"/>
            <ac:spMkLst>
              <pc:docMk/>
              <pc:sldMasterMk cId="0" sldId="2147483648"/>
              <pc:sldLayoutMk cId="379928874" sldId="2147483972"/>
              <ac:spMk id="3" creationId="{6734FE2C-A4A1-E141-9EF8-52CAE1D6E82C}"/>
            </ac:spMkLst>
          </pc:spChg>
          <pc:spChg chg="mod">
            <ac:chgData name="Remi de Vogel" userId="5948360e-7b9c-4a22-9ada-df5e8b901c82" providerId="ADAL" clId="{C67E66F3-01CF-475D-99D7-BD906D38E0D1}" dt="2022-01-21T15:07:32.352" v="102"/>
            <ac:spMkLst>
              <pc:docMk/>
              <pc:sldMasterMk cId="0" sldId="2147483648"/>
              <pc:sldLayoutMk cId="379928874" sldId="2147483972"/>
              <ac:spMk id="4" creationId="{0B76EFB3-341C-CF4E-B80E-C7D189998828}"/>
            </ac:spMkLst>
          </pc:spChg>
        </pc:sldLayoutChg>
        <pc:sldLayoutChg chg="addSp delSp modSp mod">
          <pc:chgData name="Remi de Vogel" userId="5948360e-7b9c-4a22-9ada-df5e8b901c82" providerId="ADAL" clId="{C67E66F3-01CF-475D-99D7-BD906D38E0D1}" dt="2022-01-21T15:07:49.513" v="113" actId="20577"/>
          <pc:sldLayoutMkLst>
            <pc:docMk/>
            <pc:sldMasterMk cId="0" sldId="2147483648"/>
            <pc:sldLayoutMk cId="3523203788" sldId="2147483973"/>
          </pc:sldLayoutMkLst>
          <pc:spChg chg="mod">
            <ac:chgData name="Remi de Vogel" userId="5948360e-7b9c-4a22-9ada-df5e8b901c82" providerId="ADAL" clId="{C67E66F3-01CF-475D-99D7-BD906D38E0D1}" dt="2022-01-21T15:07:49.513" v="113" actId="20577"/>
            <ac:spMkLst>
              <pc:docMk/>
              <pc:sldMasterMk cId="0" sldId="2147483648"/>
              <pc:sldLayoutMk cId="3523203788" sldId="2147483973"/>
              <ac:spMk id="3" creationId="{D6022EB0-2AEA-8742-BA74-F7C05DA91ACD}"/>
            </ac:spMkLst>
          </pc:spChg>
          <pc:spChg chg="add del">
            <ac:chgData name="Remi de Vogel" userId="5948360e-7b9c-4a22-9ada-df5e8b901c82" providerId="ADAL" clId="{C67E66F3-01CF-475D-99D7-BD906D38E0D1}" dt="2022-01-21T15:07:36.935" v="108" actId="22"/>
            <ac:spMkLst>
              <pc:docMk/>
              <pc:sldMasterMk cId="0" sldId="2147483648"/>
              <pc:sldLayoutMk cId="3523203788" sldId="2147483973"/>
              <ac:spMk id="9" creationId="{848B1D45-E9A5-4090-B616-FDCB2EAAD4DD}"/>
            </ac:spMkLst>
          </pc:spChg>
          <pc:spChg chg="add del">
            <ac:chgData name="Remi de Vogel" userId="5948360e-7b9c-4a22-9ada-df5e8b901c82" providerId="ADAL" clId="{C67E66F3-01CF-475D-99D7-BD906D38E0D1}" dt="2022-01-21T15:07:37.887" v="110" actId="22"/>
            <ac:spMkLst>
              <pc:docMk/>
              <pc:sldMasterMk cId="0" sldId="2147483648"/>
              <pc:sldLayoutMk cId="3523203788" sldId="2147483973"/>
              <ac:spMk id="11" creationId="{85E1A838-4F16-49AE-BD36-4599659CE61E}"/>
            </ac:spMkLst>
          </pc:spChg>
          <pc:spChg chg="mod">
            <ac:chgData name="Remi de Vogel" userId="5948360e-7b9c-4a22-9ada-df5e8b901c82" providerId="ADAL" clId="{C67E66F3-01CF-475D-99D7-BD906D38E0D1}" dt="2022-01-21T15:07:33.848" v="104"/>
            <ac:spMkLst>
              <pc:docMk/>
              <pc:sldMasterMk cId="0" sldId="2147483648"/>
              <pc:sldLayoutMk cId="3523203788" sldId="2147483973"/>
              <ac:spMk id="14" creationId="{1440C125-C510-4962-806C-38C93CA43877}"/>
            </ac:spMkLst>
          </pc:spChg>
        </pc:sldLayoutChg>
      </pc:sldMasterChg>
    </pc:docChg>
  </pc:docChgLst>
  <pc:docChgLst>
    <pc:chgData name="Bjorn Bekkers" userId="203d4975-c537-424d-b285-e095c1357269" providerId="ADAL" clId="{73AAA486-E775-4D7D-BDBD-B71580AFAB0B}"/>
    <pc:docChg chg="undo custSel addSld delSld modSld">
      <pc:chgData name="Bjorn Bekkers" userId="203d4975-c537-424d-b285-e095c1357269" providerId="ADAL" clId="{73AAA486-E775-4D7D-BDBD-B71580AFAB0B}" dt="2022-01-21T15:47:10.230" v="52" actId="680"/>
      <pc:docMkLst>
        <pc:docMk/>
      </pc:docMkLst>
      <pc:sldChg chg="modSp mod">
        <pc:chgData name="Bjorn Bekkers" userId="203d4975-c537-424d-b285-e095c1357269" providerId="ADAL" clId="{73AAA486-E775-4D7D-BDBD-B71580AFAB0B}" dt="2022-01-21T15:46:17.126" v="11" actId="15"/>
        <pc:sldMkLst>
          <pc:docMk/>
          <pc:sldMk cId="3137370692" sldId="257"/>
        </pc:sldMkLst>
        <pc:spChg chg="mod">
          <ac:chgData name="Bjorn Bekkers" userId="203d4975-c537-424d-b285-e095c1357269" providerId="ADAL" clId="{73AAA486-E775-4D7D-BDBD-B71580AFAB0B}" dt="2022-01-21T15:46:17.126" v="11" actId="15"/>
          <ac:spMkLst>
            <pc:docMk/>
            <pc:sldMk cId="3137370692" sldId="257"/>
            <ac:spMk id="13" creationId="{92E90C42-7A02-418D-8120-188437D0D0FD}"/>
          </ac:spMkLst>
        </pc:spChg>
      </pc:sldChg>
      <pc:sldChg chg="addSp delSp modSp new del mod modClrScheme chgLayout">
        <pc:chgData name="Bjorn Bekkers" userId="203d4975-c537-424d-b285-e095c1357269" providerId="ADAL" clId="{73AAA486-E775-4D7D-BDBD-B71580AFAB0B}" dt="2022-01-21T15:47:10.230" v="52" actId="680"/>
        <pc:sldMkLst>
          <pc:docMk/>
          <pc:sldMk cId="121810229" sldId="259"/>
        </pc:sldMkLst>
        <pc:spChg chg="add del">
          <ac:chgData name="Bjorn Bekkers" userId="203d4975-c537-424d-b285-e095c1357269" providerId="ADAL" clId="{73AAA486-E775-4D7D-BDBD-B71580AFAB0B}" dt="2022-01-21T15:47:09.692" v="51" actId="700"/>
          <ac:spMkLst>
            <pc:docMk/>
            <pc:sldMk cId="121810229" sldId="259"/>
            <ac:spMk id="2" creationId="{33EA490F-0E43-4D51-A496-04BF9A663CC0}"/>
          </ac:spMkLst>
        </pc:spChg>
        <pc:spChg chg="add del mod ord">
          <ac:chgData name="Bjorn Bekkers" userId="203d4975-c537-424d-b285-e095c1357269" providerId="ADAL" clId="{73AAA486-E775-4D7D-BDBD-B71580AFAB0B}" dt="2022-01-21T15:47:09.692" v="51" actId="700"/>
          <ac:spMkLst>
            <pc:docMk/>
            <pc:sldMk cId="121810229" sldId="259"/>
            <ac:spMk id="3" creationId="{04FE2A12-EBA6-44D1-B909-178469495502}"/>
          </ac:spMkLst>
        </pc:spChg>
        <pc:spChg chg="add del mod ord">
          <ac:chgData name="Bjorn Bekkers" userId="203d4975-c537-424d-b285-e095c1357269" providerId="ADAL" clId="{73AAA486-E775-4D7D-BDBD-B71580AFAB0B}" dt="2022-01-21T15:47:09.692" v="51" actId="700"/>
          <ac:spMkLst>
            <pc:docMk/>
            <pc:sldMk cId="121810229" sldId="259"/>
            <ac:spMk id="4" creationId="{306B6FA2-F2B6-4B6E-9037-9BFA10BACDC5}"/>
          </ac:spMkLst>
        </pc:spChg>
        <pc:spChg chg="add del mod ord">
          <ac:chgData name="Bjorn Bekkers" userId="203d4975-c537-424d-b285-e095c1357269" providerId="ADAL" clId="{73AAA486-E775-4D7D-BDBD-B71580AFAB0B}" dt="2022-01-21T15:47:09.692" v="51" actId="700"/>
          <ac:spMkLst>
            <pc:docMk/>
            <pc:sldMk cId="121810229" sldId="259"/>
            <ac:spMk id="5" creationId="{D8F6AE0B-C36A-4150-8DAE-65220363AB68}"/>
          </ac:spMkLst>
        </pc:spChg>
        <pc:spChg chg="add del">
          <ac:chgData name="Bjorn Bekkers" userId="203d4975-c537-424d-b285-e095c1357269" providerId="ADAL" clId="{73AAA486-E775-4D7D-BDBD-B71580AFAB0B}" dt="2022-01-21T15:47:09.692" v="51" actId="700"/>
          <ac:spMkLst>
            <pc:docMk/>
            <pc:sldMk cId="121810229" sldId="259"/>
            <ac:spMk id="6" creationId="{3660D9B3-F2EE-4750-AD1D-EC88A06AC9F9}"/>
          </ac:spMkLst>
        </pc:spChg>
        <pc:spChg chg="add del mod ord">
          <ac:chgData name="Bjorn Bekkers" userId="203d4975-c537-424d-b285-e095c1357269" providerId="ADAL" clId="{73AAA486-E775-4D7D-BDBD-B71580AFAB0B}" dt="2022-01-21T15:47:09.692" v="51" actId="700"/>
          <ac:spMkLst>
            <pc:docMk/>
            <pc:sldMk cId="121810229" sldId="259"/>
            <ac:spMk id="7" creationId="{EDD4E03C-9295-4669-B60C-F93D0A7308B5}"/>
          </ac:spMkLst>
        </pc:spChg>
        <pc:spChg chg="add del mod ord">
          <ac:chgData name="Bjorn Bekkers" userId="203d4975-c537-424d-b285-e095c1357269" providerId="ADAL" clId="{73AAA486-E775-4D7D-BDBD-B71580AFAB0B}" dt="2022-01-21T15:47:09.692" v="51" actId="700"/>
          <ac:spMkLst>
            <pc:docMk/>
            <pc:sldMk cId="121810229" sldId="259"/>
            <ac:spMk id="8" creationId="{483637FF-0AEE-4CA1-9D3D-5AF6CB187667}"/>
          </ac:spMkLst>
        </pc:spChg>
        <pc:spChg chg="add del mod ord">
          <ac:chgData name="Bjorn Bekkers" userId="203d4975-c537-424d-b285-e095c1357269" providerId="ADAL" clId="{73AAA486-E775-4D7D-BDBD-B71580AFAB0B}" dt="2022-01-21T15:47:09.692" v="51" actId="700"/>
          <ac:spMkLst>
            <pc:docMk/>
            <pc:sldMk cId="121810229" sldId="259"/>
            <ac:spMk id="9" creationId="{AA159099-CCD4-43E2-A1F9-C011F24DF0C6}"/>
          </ac:spMkLst>
        </pc:sp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16-6-2022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nr.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554" name="Tijdelijke aanduiding voor dia-afbeelding 1">
            <a:extLst>
              <a:ext uri="{FF2B5EF4-FFF2-40B4-BE49-F238E27FC236}">
                <a16:creationId xmlns:a16="http://schemas.microsoft.com/office/drawing/2014/main" id="{80FE17AB-A9A1-4D4F-8CA6-628808D3BF75}"/>
              </a:ext>
            </a:extLst>
          </p:cNvPr>
          <p:cNvSpPr>
            <a:spLocks noGrp="1" noRot="1" noChangeAspect="1" noChangeArrowheads="1" noTextEdit="1"/>
          </p:cNvSpPr>
          <p:nvPr>
            <p:ph type="sldImg"/>
          </p:nvPr>
        </p:nvSpPr>
        <p:spPr bwMode="auto">
          <a:noFill/>
          <a:ln>
            <a:solidFill>
              <a:srgbClr val="0000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sp>
      <p:sp>
        <p:nvSpPr>
          <p:cNvPr id="23555" name="Tijdelijke aanduiding voor notities 2">
            <a:extLst>
              <a:ext uri="{FF2B5EF4-FFF2-40B4-BE49-F238E27FC236}">
                <a16:creationId xmlns:a16="http://schemas.microsoft.com/office/drawing/2014/main" id="{F090D4B3-C69D-8544-8C07-EFC087FE0C61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="t" anchorCtr="0" compatLnSpc="1">
            <a:prstTxWarp prst="textNoShape">
              <a:avLst/>
            </a:prstTxWarp>
          </a:bodyPr>
          <a:lstStyle/>
          <a:p>
            <a:pPr eaLnBrk="1" hangingPunct="1">
              <a:spcBef>
                <a:spcPct val="0"/>
              </a:spcBef>
            </a:pPr>
            <a:r>
              <a:rPr lang="nl-NL" altLang="nl-NL" dirty="0" err="1" smtClean="0"/>
              <a:t>Introduction</a:t>
            </a:r>
            <a:r>
              <a:rPr lang="nl-NL" altLang="nl-NL" dirty="0" smtClean="0"/>
              <a:t> (FR?)</a:t>
            </a:r>
          </a:p>
        </p:txBody>
      </p:sp>
      <p:sp>
        <p:nvSpPr>
          <p:cNvPr id="23556" name="Tijdelijke aanduiding voor dianummer 3">
            <a:extLst>
              <a:ext uri="{FF2B5EF4-FFF2-40B4-BE49-F238E27FC236}">
                <a16:creationId xmlns:a16="http://schemas.microsoft.com/office/drawing/2014/main" id="{092C5EE0-FED4-4943-ACFE-8019BD2305F4}"/>
              </a:ext>
            </a:extLst>
          </p:cNvPr>
          <p:cNvSpPr>
            <a:spLocks noGrp="1" noChangeArrowheads="1"/>
          </p:cNvSpPr>
          <p:nvPr>
            <p:ph type="sldNum" sz="quarter" idx="5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9pPr>
          </a:lstStyle>
          <a:p>
            <a:fld id="{E7F7A54F-E58A-ED4C-AE12-818EAAB934E7}" type="slidenum">
              <a:rPr lang="nl-NL" altLang="nl-NL"/>
              <a:pPr/>
              <a:t>1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420090379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l-NL" dirty="0" smtClean="0"/>
              <a:t>Jean </a:t>
            </a:r>
            <a:r>
              <a:rPr lang="nl-NL" dirty="0" err="1" smtClean="0"/>
              <a:t>Rives</a:t>
            </a:r>
            <a:r>
              <a:rPr lang="nl-NL" dirty="0" smtClean="0"/>
              <a:t> and </a:t>
            </a:r>
            <a:r>
              <a:rPr lang="nl-NL" dirty="0" err="1" smtClean="0"/>
              <a:t>Rene</a:t>
            </a:r>
            <a:r>
              <a:rPr lang="nl-NL" dirty="0" smtClean="0"/>
              <a:t> </a:t>
            </a:r>
            <a:r>
              <a:rPr lang="nl-NL" dirty="0" err="1" smtClean="0"/>
              <a:t>Stoppa</a:t>
            </a:r>
            <a:endParaRPr lang="nl-NL" dirty="0" smtClean="0"/>
          </a:p>
          <a:p>
            <a:r>
              <a:rPr lang="nl-NL" dirty="0" smtClean="0"/>
              <a:t>No</a:t>
            </a:r>
            <a:r>
              <a:rPr lang="nl-NL" baseline="0" dirty="0" smtClean="0"/>
              <a:t> </a:t>
            </a:r>
            <a:r>
              <a:rPr lang="nl-NL" baseline="0" dirty="0" err="1" smtClean="0"/>
              <a:t>extensive</a:t>
            </a:r>
            <a:r>
              <a:rPr lang="nl-NL" baseline="0" dirty="0" smtClean="0"/>
              <a:t> </a:t>
            </a:r>
            <a:r>
              <a:rPr lang="nl-NL" baseline="0" dirty="0" err="1" smtClean="0"/>
              <a:t>technique</a:t>
            </a:r>
            <a:r>
              <a:rPr lang="nl-NL" baseline="0" dirty="0" smtClean="0"/>
              <a:t> </a:t>
            </a:r>
            <a:r>
              <a:rPr lang="nl-NL" baseline="0" dirty="0" err="1" smtClean="0"/>
              <a:t>description</a:t>
            </a:r>
            <a:r>
              <a:rPr lang="nl-NL" baseline="0" dirty="0" smtClean="0"/>
              <a:t>, </a:t>
            </a:r>
            <a:r>
              <a:rPr lang="nl-NL" baseline="0" dirty="0" err="1" smtClean="0"/>
              <a:t>familiar</a:t>
            </a:r>
            <a:endParaRPr lang="nl-NL" baseline="0" dirty="0" smtClean="0"/>
          </a:p>
          <a:p>
            <a:r>
              <a:rPr lang="nl-NL" baseline="0" dirty="0" err="1" smtClean="0"/>
              <a:t>Considered</a:t>
            </a:r>
            <a:r>
              <a:rPr lang="nl-NL" baseline="0" dirty="0" smtClean="0"/>
              <a:t> gold-standard (FOR non-complex medium-</a:t>
            </a:r>
            <a:r>
              <a:rPr lang="nl-NL" baseline="0" dirty="0" err="1" smtClean="0"/>
              <a:t>sized</a:t>
            </a:r>
            <a:r>
              <a:rPr lang="nl-NL" baseline="0" dirty="0" smtClean="0"/>
              <a:t> </a:t>
            </a:r>
            <a:r>
              <a:rPr lang="nl-NL" baseline="0" dirty="0" err="1" smtClean="0"/>
              <a:t>ventral</a:t>
            </a:r>
            <a:r>
              <a:rPr lang="nl-NL" baseline="0" dirty="0" smtClean="0"/>
              <a:t> </a:t>
            </a:r>
            <a:r>
              <a:rPr lang="nl-NL" baseline="0" dirty="0" err="1" smtClean="0"/>
              <a:t>abdominal</a:t>
            </a:r>
            <a:r>
              <a:rPr lang="nl-NL" baseline="0" dirty="0" smtClean="0"/>
              <a:t> </a:t>
            </a:r>
            <a:r>
              <a:rPr lang="nl-NL" baseline="0" dirty="0" err="1" smtClean="0"/>
              <a:t>wall</a:t>
            </a:r>
            <a:r>
              <a:rPr lang="nl-NL" baseline="0" dirty="0" smtClean="0"/>
              <a:t> hernia)</a:t>
            </a:r>
            <a:endParaRPr lang="nl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99774321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l-NL" dirty="0" smtClean="0"/>
              <a:t>Lots</a:t>
            </a:r>
            <a:r>
              <a:rPr lang="nl-NL" baseline="0" dirty="0" smtClean="0"/>
              <a:t> of </a:t>
            </a:r>
            <a:r>
              <a:rPr lang="nl-NL" baseline="0" dirty="0" err="1" smtClean="0"/>
              <a:t>publications</a:t>
            </a:r>
            <a:r>
              <a:rPr lang="nl-NL" baseline="0" dirty="0" smtClean="0"/>
              <a:t> (</a:t>
            </a:r>
            <a:r>
              <a:rPr lang="nl-NL" baseline="0" dirty="0" err="1" smtClean="0"/>
              <a:t>rct</a:t>
            </a:r>
            <a:r>
              <a:rPr lang="nl-NL" baseline="0" dirty="0" smtClean="0"/>
              <a:t>, </a:t>
            </a:r>
            <a:r>
              <a:rPr lang="nl-NL" baseline="0" dirty="0" err="1" smtClean="0"/>
              <a:t>cohorts</a:t>
            </a:r>
            <a:r>
              <a:rPr lang="nl-NL" baseline="0" dirty="0" smtClean="0"/>
              <a:t>); </a:t>
            </a:r>
            <a:r>
              <a:rPr lang="nl-NL" baseline="0" dirty="0" err="1" smtClean="0"/>
              <a:t>highest</a:t>
            </a:r>
            <a:r>
              <a:rPr lang="nl-NL" baseline="0" dirty="0" smtClean="0"/>
              <a:t> level of </a:t>
            </a:r>
            <a:r>
              <a:rPr lang="nl-NL" baseline="0" dirty="0" err="1" smtClean="0"/>
              <a:t>evidence</a:t>
            </a:r>
            <a:r>
              <a:rPr lang="nl-NL" baseline="0" dirty="0" smtClean="0"/>
              <a:t> is of course meta-analysis</a:t>
            </a:r>
          </a:p>
          <a:p>
            <a:endParaRPr lang="nl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3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70204980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5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81451542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Based on all study types combined</a:t>
            </a:r>
          </a:p>
          <a:p>
            <a:endParaRPr lang="en-US" sz="1200" b="0" i="0" u="none" strike="noStrike" kern="1200" baseline="0" dirty="0" smtClean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r>
              <a:rPr lang="en-US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Pooled hernia recurrence was estimated at</a:t>
            </a:r>
          </a:p>
          <a:p>
            <a:endParaRPr lang="en-US" sz="1200" b="0" i="0" u="none" strike="noStrike" kern="1200" baseline="0" dirty="0" smtClean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r>
              <a:rPr lang="en-US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after minimally 12 months 3.2% [95% confidence interval (CI): 2.2%–4.2%,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after minimally 24 months 4.1%, (95%CI: 2.9%–5.5%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en-US" sz="1200" b="0" i="0" u="none" strike="noStrike" kern="1200" baseline="0" dirty="0" smtClean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SI </a:t>
            </a:r>
            <a:r>
              <a:rPr lang="it-IT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5.2% (95%CI: 4.2%–6.4%,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it-IT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eroma  5.5% (95%CI: 4.4%–6.8%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8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96283082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Based on all study types combined</a:t>
            </a:r>
          </a:p>
          <a:p>
            <a:r>
              <a:rPr lang="en-US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Min invasive retro-rectus had lower quality studies</a:t>
            </a:r>
          </a:p>
          <a:p>
            <a:endParaRPr lang="en-US" sz="1200" b="0" i="0" u="none" strike="noStrike" kern="1200" baseline="0" dirty="0" smtClean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r>
              <a:rPr lang="en-US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Pooled hernia recurrence was estimated at</a:t>
            </a:r>
          </a:p>
          <a:p>
            <a:r>
              <a:rPr lang="en-US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after minimally 12 months 3.2% [95% CI: </a:t>
            </a:r>
            <a:r>
              <a:rPr lang="en-US" sz="1200" b="1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2.2%–4.2%,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after minimally 24 months 4.1%, (95%CI: </a:t>
            </a:r>
            <a:r>
              <a:rPr lang="en-US" sz="1200" b="1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2.9%–5.5%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en-US" sz="1200" b="0" i="0" u="none" strike="noStrike" kern="1200" baseline="0" dirty="0" smtClean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SI </a:t>
            </a:r>
            <a:r>
              <a:rPr lang="it-IT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5.2% (95%CI: </a:t>
            </a:r>
            <a:r>
              <a:rPr lang="it-IT" sz="1200" b="1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4.2%–6.4%, </a:t>
            </a:r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it-IT" sz="1200" b="0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Seroma  5.5% (95%CI: </a:t>
            </a:r>
            <a:r>
              <a:rPr lang="it-IT" sz="1200" b="1" i="0" u="none" strike="noStrike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4.4%–6.8%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9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411179064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nl-NL" sz="1200" i="1" dirty="0" smtClean="0">
                <a:solidFill>
                  <a:srgbClr val="FF0000"/>
                </a:solidFill>
                <a:ea typeface="Arial" charset="0"/>
                <a:cs typeface="Arial" charset="0"/>
              </a:rPr>
              <a:t>(</a:t>
            </a:r>
            <a:r>
              <a:rPr lang="nl-NL" sz="1200" i="1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All</a:t>
            </a:r>
            <a:r>
              <a:rPr lang="nl-NL" sz="1200" i="1" dirty="0" smtClean="0">
                <a:solidFill>
                  <a:srgbClr val="FF0000"/>
                </a:solidFill>
                <a:ea typeface="Arial" charset="0"/>
                <a:cs typeface="Arial" charset="0"/>
              </a:rPr>
              <a:t> studies	OR 0.27 = 3.6x		1,217 </a:t>
            </a:r>
            <a:r>
              <a:rPr lang="nl-NL" sz="1200" i="1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patients</a:t>
            </a:r>
            <a:r>
              <a:rPr lang="nl-NL" sz="1200" i="1" dirty="0" smtClean="0">
                <a:solidFill>
                  <a:srgbClr val="FF0000"/>
                </a:solidFill>
                <a:ea typeface="Arial" charset="0"/>
                <a:cs typeface="Arial" charset="0"/>
              </a:rPr>
              <a:t>)</a:t>
            </a:r>
          </a:p>
          <a:p>
            <a:endParaRPr lang="nl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0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68515914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l-NL" dirty="0" err="1" smtClean="0"/>
              <a:t>Regardless</a:t>
            </a:r>
            <a:r>
              <a:rPr lang="nl-NL" dirty="0" smtClean="0"/>
              <a:t> of </a:t>
            </a:r>
            <a:r>
              <a:rPr lang="nl-NL" dirty="0" err="1" smtClean="0"/>
              <a:t>study</a:t>
            </a:r>
            <a:r>
              <a:rPr lang="nl-NL" dirty="0" smtClean="0"/>
              <a:t> types</a:t>
            </a:r>
            <a:r>
              <a:rPr lang="nl-NL" baseline="0" dirty="0" smtClean="0"/>
              <a:t> </a:t>
            </a:r>
            <a:r>
              <a:rPr lang="nl-NL" baseline="0" dirty="0" err="1" smtClean="0"/>
              <a:t>used</a:t>
            </a:r>
            <a:endParaRPr lang="nl-NL" baseline="0" dirty="0" smtClean="0"/>
          </a:p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nl-NL" sz="1200" b="0" i="0" u="none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All</a:t>
            </a:r>
            <a:r>
              <a:rPr lang="nl-NL" sz="1200" b="0" i="0" u="none" dirty="0" smtClean="0">
                <a:solidFill>
                  <a:srgbClr val="FF0000"/>
                </a:solidFill>
                <a:ea typeface="Arial" charset="0"/>
                <a:cs typeface="Arial" charset="0"/>
              </a:rPr>
              <a:t> studies	</a:t>
            </a:r>
            <a:r>
              <a:rPr lang="nl-NL" sz="1200" b="0" i="0" u="none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Not</a:t>
            </a:r>
            <a:r>
              <a:rPr lang="nl-NL" sz="1200" b="0" i="0" u="none" dirty="0" smtClean="0">
                <a:solidFill>
                  <a:srgbClr val="FF0000"/>
                </a:solidFill>
                <a:ea typeface="Arial" charset="0"/>
                <a:cs typeface="Arial" charset="0"/>
              </a:rPr>
              <a:t> significant 	9,186 </a:t>
            </a:r>
            <a:r>
              <a:rPr lang="nl-NL" sz="1200" b="0" i="0" u="none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patients</a:t>
            </a:r>
            <a:endParaRPr lang="nl-NL" sz="1200" b="0" i="0" u="none" dirty="0" smtClean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endParaRPr lang="nl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1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85484082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16/06/2022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</a:t>
            </a:r>
            <a:r>
              <a:rPr lang="en-US" err="1"/>
              <a:t>titel</a:t>
            </a:r>
            <a:r>
              <a:rPr lang="en-US"/>
              <a:t>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en-GB" smtClean="0"/>
              <a:t>16/06/2022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en-GB" smtClean="0"/>
              <a:t>16/06/2022</a:t>
            </a:fld>
            <a:endParaRPr lang="en-GB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</a:t>
            </a:r>
            <a:r>
              <a:rPr lang="en-US" err="1"/>
              <a:t>titel</a:t>
            </a:r>
            <a:r>
              <a:rPr lang="en-US"/>
              <a:t>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en-GB" smtClean="0"/>
              <a:t>16/06/2022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en-GB" smtClean="0"/>
              <a:t>16/06/2022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16/06/2022</a:t>
            </a:fld>
            <a:endParaRPr lang="en-GB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1" name="Picture Placeholder 250">
            <a:extLst>
              <a:ext uri="{FF2B5EF4-FFF2-40B4-BE49-F238E27FC236}">
                <a16:creationId xmlns:a16="http://schemas.microsoft.com/office/drawing/2014/main" id="{8FC9796D-6AA5-4C11-9361-CFA70946833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 bwMode="auto">
          <a:xfrm>
            <a:off x="60" y="34"/>
            <a:ext cx="12191941" cy="6857967"/>
          </a:xfrm>
          <a:custGeom>
            <a:avLst/>
            <a:gdLst>
              <a:gd name="connsiteX0" fmla="*/ 9042170 w 12191941"/>
              <a:gd name="connsiteY0" fmla="*/ 6474347 h 6857967"/>
              <a:gd name="connsiteX1" fmla="*/ 9042170 w 12191941"/>
              <a:gd name="connsiteY1" fmla="*/ 6545648 h 6857967"/>
              <a:gd name="connsiteX2" fmla="*/ 9113471 w 12191941"/>
              <a:gd name="connsiteY2" fmla="*/ 6545648 h 6857967"/>
              <a:gd name="connsiteX3" fmla="*/ 9113471 w 12191941"/>
              <a:gd name="connsiteY3" fmla="*/ 6474347 h 6857967"/>
              <a:gd name="connsiteX4" fmla="*/ 8899568 w 12191941"/>
              <a:gd name="connsiteY4" fmla="*/ 6474347 h 6857967"/>
              <a:gd name="connsiteX5" fmla="*/ 8899568 w 12191941"/>
              <a:gd name="connsiteY5" fmla="*/ 6545648 h 6857967"/>
              <a:gd name="connsiteX6" fmla="*/ 8970869 w 12191941"/>
              <a:gd name="connsiteY6" fmla="*/ 6545648 h 6857967"/>
              <a:gd name="connsiteX7" fmla="*/ 8970869 w 12191941"/>
              <a:gd name="connsiteY7" fmla="*/ 6474347 h 6857967"/>
              <a:gd name="connsiteX8" fmla="*/ 8756896 w 12191941"/>
              <a:gd name="connsiteY8" fmla="*/ 6474347 h 6857967"/>
              <a:gd name="connsiteX9" fmla="*/ 8756896 w 12191941"/>
              <a:gd name="connsiteY9" fmla="*/ 6545648 h 6857967"/>
              <a:gd name="connsiteX10" fmla="*/ 8828196 w 12191941"/>
              <a:gd name="connsiteY10" fmla="*/ 6545648 h 6857967"/>
              <a:gd name="connsiteX11" fmla="*/ 8828196 w 12191941"/>
              <a:gd name="connsiteY11" fmla="*/ 6474347 h 6857967"/>
              <a:gd name="connsiteX12" fmla="*/ 8614223 w 12191941"/>
              <a:gd name="connsiteY12" fmla="*/ 6474347 h 6857967"/>
              <a:gd name="connsiteX13" fmla="*/ 8614223 w 12191941"/>
              <a:gd name="connsiteY13" fmla="*/ 6545648 h 6857967"/>
              <a:gd name="connsiteX14" fmla="*/ 8685524 w 12191941"/>
              <a:gd name="connsiteY14" fmla="*/ 6545648 h 6857967"/>
              <a:gd name="connsiteX15" fmla="*/ 8685524 w 12191941"/>
              <a:gd name="connsiteY15" fmla="*/ 6474347 h 6857967"/>
              <a:gd name="connsiteX16" fmla="*/ 8471622 w 12191941"/>
              <a:gd name="connsiteY16" fmla="*/ 6474347 h 6857967"/>
              <a:gd name="connsiteX17" fmla="*/ 8471622 w 12191941"/>
              <a:gd name="connsiteY17" fmla="*/ 6545648 h 6857967"/>
              <a:gd name="connsiteX18" fmla="*/ 8542923 w 12191941"/>
              <a:gd name="connsiteY18" fmla="*/ 6545648 h 6857967"/>
              <a:gd name="connsiteX19" fmla="*/ 8542923 w 12191941"/>
              <a:gd name="connsiteY19" fmla="*/ 6474347 h 6857967"/>
              <a:gd name="connsiteX20" fmla="*/ 8328949 w 12191941"/>
              <a:gd name="connsiteY20" fmla="*/ 6474347 h 6857967"/>
              <a:gd name="connsiteX21" fmla="*/ 8328949 w 12191941"/>
              <a:gd name="connsiteY21" fmla="*/ 6545648 h 6857967"/>
              <a:gd name="connsiteX22" fmla="*/ 8400250 w 12191941"/>
              <a:gd name="connsiteY22" fmla="*/ 6545648 h 6857967"/>
              <a:gd name="connsiteX23" fmla="*/ 8400250 w 12191941"/>
              <a:gd name="connsiteY23" fmla="*/ 6474347 h 6857967"/>
              <a:gd name="connsiteX24" fmla="*/ 8186348 w 12191941"/>
              <a:gd name="connsiteY24" fmla="*/ 6474347 h 6857967"/>
              <a:gd name="connsiteX25" fmla="*/ 8186348 w 12191941"/>
              <a:gd name="connsiteY25" fmla="*/ 6545648 h 6857967"/>
              <a:gd name="connsiteX26" fmla="*/ 8257649 w 12191941"/>
              <a:gd name="connsiteY26" fmla="*/ 6545648 h 6857967"/>
              <a:gd name="connsiteX27" fmla="*/ 8257649 w 12191941"/>
              <a:gd name="connsiteY27" fmla="*/ 6474347 h 6857967"/>
              <a:gd name="connsiteX28" fmla="*/ 8043675 w 12191941"/>
              <a:gd name="connsiteY28" fmla="*/ 6474347 h 6857967"/>
              <a:gd name="connsiteX29" fmla="*/ 8043675 w 12191941"/>
              <a:gd name="connsiteY29" fmla="*/ 6545648 h 6857967"/>
              <a:gd name="connsiteX30" fmla="*/ 8114976 w 12191941"/>
              <a:gd name="connsiteY30" fmla="*/ 6545648 h 6857967"/>
              <a:gd name="connsiteX31" fmla="*/ 8114976 w 12191941"/>
              <a:gd name="connsiteY31" fmla="*/ 6474347 h 6857967"/>
              <a:gd name="connsiteX32" fmla="*/ 7901003 w 12191941"/>
              <a:gd name="connsiteY32" fmla="*/ 6474347 h 6857967"/>
              <a:gd name="connsiteX33" fmla="*/ 7901003 w 12191941"/>
              <a:gd name="connsiteY33" fmla="*/ 6545648 h 6857967"/>
              <a:gd name="connsiteX34" fmla="*/ 7972304 w 12191941"/>
              <a:gd name="connsiteY34" fmla="*/ 6545648 h 6857967"/>
              <a:gd name="connsiteX35" fmla="*/ 7972304 w 12191941"/>
              <a:gd name="connsiteY35" fmla="*/ 6474347 h 6857967"/>
              <a:gd name="connsiteX36" fmla="*/ 7758401 w 12191941"/>
              <a:gd name="connsiteY36" fmla="*/ 6474347 h 6857967"/>
              <a:gd name="connsiteX37" fmla="*/ 7758401 w 12191941"/>
              <a:gd name="connsiteY37" fmla="*/ 6545648 h 6857967"/>
              <a:gd name="connsiteX38" fmla="*/ 7829702 w 12191941"/>
              <a:gd name="connsiteY38" fmla="*/ 6545648 h 6857967"/>
              <a:gd name="connsiteX39" fmla="*/ 7829702 w 12191941"/>
              <a:gd name="connsiteY39" fmla="*/ 6474347 h 6857967"/>
              <a:gd name="connsiteX40" fmla="*/ 7615728 w 12191941"/>
              <a:gd name="connsiteY40" fmla="*/ 6474347 h 6857967"/>
              <a:gd name="connsiteX41" fmla="*/ 7615728 w 12191941"/>
              <a:gd name="connsiteY41" fmla="*/ 6545648 h 6857967"/>
              <a:gd name="connsiteX42" fmla="*/ 7687029 w 12191941"/>
              <a:gd name="connsiteY42" fmla="*/ 6545648 h 6857967"/>
              <a:gd name="connsiteX43" fmla="*/ 7687029 w 12191941"/>
              <a:gd name="connsiteY43" fmla="*/ 6474347 h 6857967"/>
              <a:gd name="connsiteX44" fmla="*/ 7473127 w 12191941"/>
              <a:gd name="connsiteY44" fmla="*/ 6474347 h 6857967"/>
              <a:gd name="connsiteX45" fmla="*/ 7473127 w 12191941"/>
              <a:gd name="connsiteY45" fmla="*/ 6545648 h 6857967"/>
              <a:gd name="connsiteX46" fmla="*/ 7544428 w 12191941"/>
              <a:gd name="connsiteY46" fmla="*/ 6545648 h 6857967"/>
              <a:gd name="connsiteX47" fmla="*/ 7544428 w 12191941"/>
              <a:gd name="connsiteY47" fmla="*/ 6474347 h 6857967"/>
              <a:gd name="connsiteX48" fmla="*/ 7330454 w 12191941"/>
              <a:gd name="connsiteY48" fmla="*/ 6474347 h 6857967"/>
              <a:gd name="connsiteX49" fmla="*/ 7330454 w 12191941"/>
              <a:gd name="connsiteY49" fmla="*/ 6545648 h 6857967"/>
              <a:gd name="connsiteX50" fmla="*/ 7401755 w 12191941"/>
              <a:gd name="connsiteY50" fmla="*/ 6545648 h 6857967"/>
              <a:gd name="connsiteX51" fmla="*/ 7401755 w 12191941"/>
              <a:gd name="connsiteY51" fmla="*/ 6474347 h 6857967"/>
              <a:gd name="connsiteX52" fmla="*/ 7187853 w 12191941"/>
              <a:gd name="connsiteY52" fmla="*/ 6474347 h 6857967"/>
              <a:gd name="connsiteX53" fmla="*/ 7187853 w 12191941"/>
              <a:gd name="connsiteY53" fmla="*/ 6545648 h 6857967"/>
              <a:gd name="connsiteX54" fmla="*/ 7259154 w 12191941"/>
              <a:gd name="connsiteY54" fmla="*/ 6545648 h 6857967"/>
              <a:gd name="connsiteX55" fmla="*/ 7259154 w 12191941"/>
              <a:gd name="connsiteY55" fmla="*/ 6474347 h 6857967"/>
              <a:gd name="connsiteX56" fmla="*/ 7045180 w 12191941"/>
              <a:gd name="connsiteY56" fmla="*/ 6474347 h 6857967"/>
              <a:gd name="connsiteX57" fmla="*/ 7045180 w 12191941"/>
              <a:gd name="connsiteY57" fmla="*/ 6545648 h 6857967"/>
              <a:gd name="connsiteX58" fmla="*/ 7116481 w 12191941"/>
              <a:gd name="connsiteY58" fmla="*/ 6545648 h 6857967"/>
              <a:gd name="connsiteX59" fmla="*/ 7116481 w 12191941"/>
              <a:gd name="connsiteY59" fmla="*/ 6474347 h 6857967"/>
              <a:gd name="connsiteX60" fmla="*/ 6902579 w 12191941"/>
              <a:gd name="connsiteY60" fmla="*/ 6474347 h 6857967"/>
              <a:gd name="connsiteX61" fmla="*/ 6902579 w 12191941"/>
              <a:gd name="connsiteY61" fmla="*/ 6545648 h 6857967"/>
              <a:gd name="connsiteX62" fmla="*/ 6973880 w 12191941"/>
              <a:gd name="connsiteY62" fmla="*/ 6545648 h 6857967"/>
              <a:gd name="connsiteX63" fmla="*/ 6973880 w 12191941"/>
              <a:gd name="connsiteY63" fmla="*/ 6474347 h 6857967"/>
              <a:gd name="connsiteX64" fmla="*/ 6759906 w 12191941"/>
              <a:gd name="connsiteY64" fmla="*/ 6474347 h 6857967"/>
              <a:gd name="connsiteX65" fmla="*/ 6759906 w 12191941"/>
              <a:gd name="connsiteY65" fmla="*/ 6545648 h 6857967"/>
              <a:gd name="connsiteX66" fmla="*/ 6831207 w 12191941"/>
              <a:gd name="connsiteY66" fmla="*/ 6545648 h 6857967"/>
              <a:gd name="connsiteX67" fmla="*/ 6831207 w 12191941"/>
              <a:gd name="connsiteY67" fmla="*/ 6474347 h 6857967"/>
              <a:gd name="connsiteX68" fmla="*/ 6617234 w 12191941"/>
              <a:gd name="connsiteY68" fmla="*/ 6474347 h 6857967"/>
              <a:gd name="connsiteX69" fmla="*/ 6617234 w 12191941"/>
              <a:gd name="connsiteY69" fmla="*/ 6545648 h 6857967"/>
              <a:gd name="connsiteX70" fmla="*/ 6688535 w 12191941"/>
              <a:gd name="connsiteY70" fmla="*/ 6545648 h 6857967"/>
              <a:gd name="connsiteX71" fmla="*/ 6688535 w 12191941"/>
              <a:gd name="connsiteY71" fmla="*/ 6474347 h 6857967"/>
              <a:gd name="connsiteX72" fmla="*/ 6474632 w 12191941"/>
              <a:gd name="connsiteY72" fmla="*/ 6474347 h 6857967"/>
              <a:gd name="connsiteX73" fmla="*/ 6474632 w 12191941"/>
              <a:gd name="connsiteY73" fmla="*/ 6545648 h 6857967"/>
              <a:gd name="connsiteX74" fmla="*/ 6545933 w 12191941"/>
              <a:gd name="connsiteY74" fmla="*/ 6545648 h 6857967"/>
              <a:gd name="connsiteX75" fmla="*/ 6545933 w 12191941"/>
              <a:gd name="connsiteY75" fmla="*/ 6474347 h 6857967"/>
              <a:gd name="connsiteX76" fmla="*/ 6331959 w 12191941"/>
              <a:gd name="connsiteY76" fmla="*/ 6474347 h 6857967"/>
              <a:gd name="connsiteX77" fmla="*/ 6331959 w 12191941"/>
              <a:gd name="connsiteY77" fmla="*/ 6545648 h 6857967"/>
              <a:gd name="connsiteX78" fmla="*/ 6403260 w 12191941"/>
              <a:gd name="connsiteY78" fmla="*/ 6545648 h 6857967"/>
              <a:gd name="connsiteX79" fmla="*/ 6403260 w 12191941"/>
              <a:gd name="connsiteY79" fmla="*/ 6474347 h 6857967"/>
              <a:gd name="connsiteX80" fmla="*/ 6189358 w 12191941"/>
              <a:gd name="connsiteY80" fmla="*/ 6474347 h 6857967"/>
              <a:gd name="connsiteX81" fmla="*/ 6189358 w 12191941"/>
              <a:gd name="connsiteY81" fmla="*/ 6545648 h 6857967"/>
              <a:gd name="connsiteX82" fmla="*/ 6260659 w 12191941"/>
              <a:gd name="connsiteY82" fmla="*/ 6545648 h 6857967"/>
              <a:gd name="connsiteX83" fmla="*/ 6260659 w 12191941"/>
              <a:gd name="connsiteY83" fmla="*/ 6474347 h 6857967"/>
              <a:gd name="connsiteX84" fmla="*/ 6046689 w 12191941"/>
              <a:gd name="connsiteY84" fmla="*/ 6474347 h 6857967"/>
              <a:gd name="connsiteX85" fmla="*/ 6046689 w 12191941"/>
              <a:gd name="connsiteY85" fmla="*/ 6545648 h 6857967"/>
              <a:gd name="connsiteX86" fmla="*/ 6117986 w 12191941"/>
              <a:gd name="connsiteY86" fmla="*/ 6545648 h 6857967"/>
              <a:gd name="connsiteX87" fmla="*/ 6117986 w 12191941"/>
              <a:gd name="connsiteY87" fmla="*/ 6474347 h 6857967"/>
              <a:gd name="connsiteX88" fmla="*/ 5904022 w 12191941"/>
              <a:gd name="connsiteY88" fmla="*/ 6474347 h 6857967"/>
              <a:gd name="connsiteX89" fmla="*/ 5904022 w 12191941"/>
              <a:gd name="connsiteY89" fmla="*/ 6545648 h 6857967"/>
              <a:gd name="connsiteX90" fmla="*/ 5975319 w 12191941"/>
              <a:gd name="connsiteY90" fmla="*/ 6545648 h 6857967"/>
              <a:gd name="connsiteX91" fmla="*/ 5975319 w 12191941"/>
              <a:gd name="connsiteY91" fmla="*/ 6474347 h 6857967"/>
              <a:gd name="connsiteX92" fmla="*/ 5761426 w 12191941"/>
              <a:gd name="connsiteY92" fmla="*/ 6474347 h 6857967"/>
              <a:gd name="connsiteX93" fmla="*/ 5761426 w 12191941"/>
              <a:gd name="connsiteY93" fmla="*/ 6545648 h 6857967"/>
              <a:gd name="connsiteX94" fmla="*/ 5832724 w 12191941"/>
              <a:gd name="connsiteY94" fmla="*/ 6545648 h 6857967"/>
              <a:gd name="connsiteX95" fmla="*/ 5832724 w 12191941"/>
              <a:gd name="connsiteY95" fmla="*/ 6474347 h 6857967"/>
              <a:gd name="connsiteX96" fmla="*/ 5618761 w 12191941"/>
              <a:gd name="connsiteY96" fmla="*/ 6474347 h 6857967"/>
              <a:gd name="connsiteX97" fmla="*/ 5618761 w 12191941"/>
              <a:gd name="connsiteY97" fmla="*/ 6545648 h 6857967"/>
              <a:gd name="connsiteX98" fmla="*/ 5690059 w 12191941"/>
              <a:gd name="connsiteY98" fmla="*/ 6545648 h 6857967"/>
              <a:gd name="connsiteX99" fmla="*/ 5690059 w 12191941"/>
              <a:gd name="connsiteY99" fmla="*/ 6474347 h 6857967"/>
              <a:gd name="connsiteX100" fmla="*/ 5476167 w 12191941"/>
              <a:gd name="connsiteY100" fmla="*/ 6474347 h 6857967"/>
              <a:gd name="connsiteX101" fmla="*/ 5476167 w 12191941"/>
              <a:gd name="connsiteY101" fmla="*/ 6545648 h 6857967"/>
              <a:gd name="connsiteX102" fmla="*/ 5547463 w 12191941"/>
              <a:gd name="connsiteY102" fmla="*/ 6545648 h 6857967"/>
              <a:gd name="connsiteX103" fmla="*/ 5547463 w 12191941"/>
              <a:gd name="connsiteY103" fmla="*/ 6474347 h 6857967"/>
              <a:gd name="connsiteX104" fmla="*/ 5333500 w 12191941"/>
              <a:gd name="connsiteY104" fmla="*/ 6474347 h 6857967"/>
              <a:gd name="connsiteX105" fmla="*/ 5333500 w 12191941"/>
              <a:gd name="connsiteY105" fmla="*/ 6545648 h 6857967"/>
              <a:gd name="connsiteX106" fmla="*/ 5404799 w 12191941"/>
              <a:gd name="connsiteY106" fmla="*/ 6545648 h 6857967"/>
              <a:gd name="connsiteX107" fmla="*/ 5404799 w 12191941"/>
              <a:gd name="connsiteY107" fmla="*/ 6474347 h 6857967"/>
              <a:gd name="connsiteX108" fmla="*/ 5190877 w 12191941"/>
              <a:gd name="connsiteY108" fmla="*/ 6474347 h 6857967"/>
              <a:gd name="connsiteX109" fmla="*/ 5190877 w 12191941"/>
              <a:gd name="connsiteY109" fmla="*/ 6545648 h 6857967"/>
              <a:gd name="connsiteX110" fmla="*/ 5262188 w 12191941"/>
              <a:gd name="connsiteY110" fmla="*/ 6545648 h 6857967"/>
              <a:gd name="connsiteX111" fmla="*/ 5262188 w 12191941"/>
              <a:gd name="connsiteY111" fmla="*/ 6474347 h 6857967"/>
              <a:gd name="connsiteX112" fmla="*/ 5048236 w 12191941"/>
              <a:gd name="connsiteY112" fmla="*/ 6474347 h 6857967"/>
              <a:gd name="connsiteX113" fmla="*/ 5048236 w 12191941"/>
              <a:gd name="connsiteY113" fmla="*/ 6545648 h 6857967"/>
              <a:gd name="connsiteX114" fmla="*/ 5119527 w 12191941"/>
              <a:gd name="connsiteY114" fmla="*/ 6545648 h 6857967"/>
              <a:gd name="connsiteX115" fmla="*/ 5119527 w 12191941"/>
              <a:gd name="connsiteY115" fmla="*/ 6474347 h 6857967"/>
              <a:gd name="connsiteX116" fmla="*/ 4906607 w 12191941"/>
              <a:gd name="connsiteY116" fmla="*/ 6474347 h 6857967"/>
              <a:gd name="connsiteX117" fmla="*/ 4906607 w 12191941"/>
              <a:gd name="connsiteY117" fmla="*/ 6545648 h 6857967"/>
              <a:gd name="connsiteX118" fmla="*/ 4977916 w 12191941"/>
              <a:gd name="connsiteY118" fmla="*/ 6545648 h 6857967"/>
              <a:gd name="connsiteX119" fmla="*/ 4977916 w 12191941"/>
              <a:gd name="connsiteY119" fmla="*/ 6474347 h 6857967"/>
              <a:gd name="connsiteX120" fmla="*/ 4764013 w 12191941"/>
              <a:gd name="connsiteY120" fmla="*/ 6474347 h 6857967"/>
              <a:gd name="connsiteX121" fmla="*/ 4764013 w 12191941"/>
              <a:gd name="connsiteY121" fmla="*/ 6545648 h 6857967"/>
              <a:gd name="connsiteX122" fmla="*/ 4835311 w 12191941"/>
              <a:gd name="connsiteY122" fmla="*/ 6545648 h 6857967"/>
              <a:gd name="connsiteX123" fmla="*/ 4835311 w 12191941"/>
              <a:gd name="connsiteY123" fmla="*/ 6474347 h 6857967"/>
              <a:gd name="connsiteX124" fmla="*/ 4621341 w 12191941"/>
              <a:gd name="connsiteY124" fmla="*/ 6474347 h 6857967"/>
              <a:gd name="connsiteX125" fmla="*/ 4621341 w 12191941"/>
              <a:gd name="connsiteY125" fmla="*/ 6545648 h 6857967"/>
              <a:gd name="connsiteX126" fmla="*/ 4692639 w 12191941"/>
              <a:gd name="connsiteY126" fmla="*/ 6545648 h 6857967"/>
              <a:gd name="connsiteX127" fmla="*/ 4692639 w 12191941"/>
              <a:gd name="connsiteY127" fmla="*/ 6474347 h 6857967"/>
              <a:gd name="connsiteX128" fmla="*/ 4478666 w 12191941"/>
              <a:gd name="connsiteY128" fmla="*/ 6474347 h 6857967"/>
              <a:gd name="connsiteX129" fmla="*/ 4478666 w 12191941"/>
              <a:gd name="connsiteY129" fmla="*/ 6545648 h 6857967"/>
              <a:gd name="connsiteX130" fmla="*/ 4549969 w 12191941"/>
              <a:gd name="connsiteY130" fmla="*/ 6545648 h 6857967"/>
              <a:gd name="connsiteX131" fmla="*/ 4549969 w 12191941"/>
              <a:gd name="connsiteY131" fmla="*/ 6474347 h 6857967"/>
              <a:gd name="connsiteX132" fmla="*/ 4336061 w 12191941"/>
              <a:gd name="connsiteY132" fmla="*/ 6474347 h 6857967"/>
              <a:gd name="connsiteX133" fmla="*/ 4336061 w 12191941"/>
              <a:gd name="connsiteY133" fmla="*/ 6545648 h 6857967"/>
              <a:gd name="connsiteX134" fmla="*/ 4407362 w 12191941"/>
              <a:gd name="connsiteY134" fmla="*/ 6545648 h 6857967"/>
              <a:gd name="connsiteX135" fmla="*/ 4407362 w 12191941"/>
              <a:gd name="connsiteY135" fmla="*/ 6474347 h 6857967"/>
              <a:gd name="connsiteX136" fmla="*/ 4193412 w 12191941"/>
              <a:gd name="connsiteY136" fmla="*/ 6474347 h 6857967"/>
              <a:gd name="connsiteX137" fmla="*/ 4193412 w 12191941"/>
              <a:gd name="connsiteY137" fmla="*/ 6545648 h 6857967"/>
              <a:gd name="connsiteX138" fmla="*/ 4264695 w 12191941"/>
              <a:gd name="connsiteY138" fmla="*/ 6545648 h 6857967"/>
              <a:gd name="connsiteX139" fmla="*/ 4264695 w 12191941"/>
              <a:gd name="connsiteY139" fmla="*/ 6474347 h 6857967"/>
              <a:gd name="connsiteX140" fmla="*/ 4050809 w 12191941"/>
              <a:gd name="connsiteY140" fmla="*/ 6474347 h 6857967"/>
              <a:gd name="connsiteX141" fmla="*/ 4050809 w 12191941"/>
              <a:gd name="connsiteY141" fmla="*/ 6545648 h 6857967"/>
              <a:gd name="connsiteX142" fmla="*/ 4122113 w 12191941"/>
              <a:gd name="connsiteY142" fmla="*/ 6545648 h 6857967"/>
              <a:gd name="connsiteX143" fmla="*/ 4122113 w 12191941"/>
              <a:gd name="connsiteY143" fmla="*/ 6474347 h 6857967"/>
              <a:gd name="connsiteX144" fmla="*/ 3908136 w 12191941"/>
              <a:gd name="connsiteY144" fmla="*/ 6474347 h 6857967"/>
              <a:gd name="connsiteX145" fmla="*/ 3908136 w 12191941"/>
              <a:gd name="connsiteY145" fmla="*/ 6545648 h 6857967"/>
              <a:gd name="connsiteX146" fmla="*/ 3979438 w 12191941"/>
              <a:gd name="connsiteY146" fmla="*/ 6545648 h 6857967"/>
              <a:gd name="connsiteX147" fmla="*/ 3979438 w 12191941"/>
              <a:gd name="connsiteY147" fmla="*/ 6474347 h 6857967"/>
              <a:gd name="connsiteX148" fmla="*/ 3765462 w 12191941"/>
              <a:gd name="connsiteY148" fmla="*/ 6474347 h 6857967"/>
              <a:gd name="connsiteX149" fmla="*/ 3765462 w 12191941"/>
              <a:gd name="connsiteY149" fmla="*/ 6545648 h 6857967"/>
              <a:gd name="connsiteX150" fmla="*/ 3836763 w 12191941"/>
              <a:gd name="connsiteY150" fmla="*/ 6545648 h 6857967"/>
              <a:gd name="connsiteX151" fmla="*/ 3836763 w 12191941"/>
              <a:gd name="connsiteY151" fmla="*/ 6474347 h 6857967"/>
              <a:gd name="connsiteX152" fmla="*/ 3622851 w 12191941"/>
              <a:gd name="connsiteY152" fmla="*/ 6474347 h 6857967"/>
              <a:gd name="connsiteX153" fmla="*/ 3622851 w 12191941"/>
              <a:gd name="connsiteY153" fmla="*/ 6545648 h 6857967"/>
              <a:gd name="connsiteX154" fmla="*/ 3694151 w 12191941"/>
              <a:gd name="connsiteY154" fmla="*/ 6545648 h 6857967"/>
              <a:gd name="connsiteX155" fmla="*/ 3694151 w 12191941"/>
              <a:gd name="connsiteY155" fmla="*/ 6474347 h 6857967"/>
              <a:gd name="connsiteX156" fmla="*/ 3480203 w 12191941"/>
              <a:gd name="connsiteY156" fmla="*/ 6474347 h 6857967"/>
              <a:gd name="connsiteX157" fmla="*/ 3480203 w 12191941"/>
              <a:gd name="connsiteY157" fmla="*/ 6545648 h 6857967"/>
              <a:gd name="connsiteX158" fmla="*/ 3551509 w 12191941"/>
              <a:gd name="connsiteY158" fmla="*/ 6545648 h 6857967"/>
              <a:gd name="connsiteX159" fmla="*/ 3551509 w 12191941"/>
              <a:gd name="connsiteY159" fmla="*/ 6474347 h 6857967"/>
              <a:gd name="connsiteX160" fmla="*/ 3337579 w 12191941"/>
              <a:gd name="connsiteY160" fmla="*/ 6474347 h 6857967"/>
              <a:gd name="connsiteX161" fmla="*/ 3337579 w 12191941"/>
              <a:gd name="connsiteY161" fmla="*/ 6545648 h 6857967"/>
              <a:gd name="connsiteX162" fmla="*/ 3408880 w 12191941"/>
              <a:gd name="connsiteY162" fmla="*/ 6545648 h 6857967"/>
              <a:gd name="connsiteX163" fmla="*/ 3408880 w 12191941"/>
              <a:gd name="connsiteY163" fmla="*/ 6474347 h 6857967"/>
              <a:gd name="connsiteX164" fmla="*/ 3194905 w 12191941"/>
              <a:gd name="connsiteY164" fmla="*/ 6474347 h 6857967"/>
              <a:gd name="connsiteX165" fmla="*/ 3194905 w 12191941"/>
              <a:gd name="connsiteY165" fmla="*/ 6545648 h 6857967"/>
              <a:gd name="connsiteX166" fmla="*/ 3266206 w 12191941"/>
              <a:gd name="connsiteY166" fmla="*/ 6545648 h 6857967"/>
              <a:gd name="connsiteX167" fmla="*/ 3266206 w 12191941"/>
              <a:gd name="connsiteY167" fmla="*/ 6474347 h 6857967"/>
              <a:gd name="connsiteX168" fmla="*/ 3052304 w 12191941"/>
              <a:gd name="connsiteY168" fmla="*/ 6474347 h 6857967"/>
              <a:gd name="connsiteX169" fmla="*/ 3052304 w 12191941"/>
              <a:gd name="connsiteY169" fmla="*/ 6545648 h 6857967"/>
              <a:gd name="connsiteX170" fmla="*/ 3123606 w 12191941"/>
              <a:gd name="connsiteY170" fmla="*/ 6545648 h 6857967"/>
              <a:gd name="connsiteX171" fmla="*/ 3123606 w 12191941"/>
              <a:gd name="connsiteY171" fmla="*/ 6474347 h 6857967"/>
              <a:gd name="connsiteX172" fmla="*/ 2909633 w 12191941"/>
              <a:gd name="connsiteY172" fmla="*/ 6474347 h 6857967"/>
              <a:gd name="connsiteX173" fmla="*/ 2909633 w 12191941"/>
              <a:gd name="connsiteY173" fmla="*/ 6545648 h 6857967"/>
              <a:gd name="connsiteX174" fmla="*/ 2980934 w 12191941"/>
              <a:gd name="connsiteY174" fmla="*/ 6545648 h 6857967"/>
              <a:gd name="connsiteX175" fmla="*/ 2980934 w 12191941"/>
              <a:gd name="connsiteY175" fmla="*/ 6474347 h 6857967"/>
              <a:gd name="connsiteX176" fmla="*/ 2767033 w 12191941"/>
              <a:gd name="connsiteY176" fmla="*/ 6474347 h 6857967"/>
              <a:gd name="connsiteX177" fmla="*/ 2767033 w 12191941"/>
              <a:gd name="connsiteY177" fmla="*/ 6545648 h 6857967"/>
              <a:gd name="connsiteX178" fmla="*/ 2838334 w 12191941"/>
              <a:gd name="connsiteY178" fmla="*/ 6545648 h 6857967"/>
              <a:gd name="connsiteX179" fmla="*/ 2838334 w 12191941"/>
              <a:gd name="connsiteY179" fmla="*/ 6474347 h 6857967"/>
              <a:gd name="connsiteX180" fmla="*/ 2624360 w 12191941"/>
              <a:gd name="connsiteY180" fmla="*/ 6474347 h 6857967"/>
              <a:gd name="connsiteX181" fmla="*/ 2624360 w 12191941"/>
              <a:gd name="connsiteY181" fmla="*/ 6545648 h 6857967"/>
              <a:gd name="connsiteX182" fmla="*/ 2695661 w 12191941"/>
              <a:gd name="connsiteY182" fmla="*/ 6545648 h 6857967"/>
              <a:gd name="connsiteX183" fmla="*/ 2695661 w 12191941"/>
              <a:gd name="connsiteY183" fmla="*/ 6474347 h 6857967"/>
              <a:gd name="connsiteX184" fmla="*/ 2481690 w 12191941"/>
              <a:gd name="connsiteY184" fmla="*/ 6474347 h 6857967"/>
              <a:gd name="connsiteX185" fmla="*/ 2481690 w 12191941"/>
              <a:gd name="connsiteY185" fmla="*/ 6545648 h 6857967"/>
              <a:gd name="connsiteX186" fmla="*/ 2552990 w 12191941"/>
              <a:gd name="connsiteY186" fmla="*/ 6545648 h 6857967"/>
              <a:gd name="connsiteX187" fmla="*/ 2552990 w 12191941"/>
              <a:gd name="connsiteY187" fmla="*/ 6474347 h 6857967"/>
              <a:gd name="connsiteX188" fmla="*/ 2339090 w 12191941"/>
              <a:gd name="connsiteY188" fmla="*/ 6474347 h 6857967"/>
              <a:gd name="connsiteX189" fmla="*/ 2339090 w 12191941"/>
              <a:gd name="connsiteY189" fmla="*/ 6545648 h 6857967"/>
              <a:gd name="connsiteX190" fmla="*/ 2410390 w 12191941"/>
              <a:gd name="connsiteY190" fmla="*/ 6545648 h 6857967"/>
              <a:gd name="connsiteX191" fmla="*/ 2410390 w 12191941"/>
              <a:gd name="connsiteY191" fmla="*/ 6474347 h 6857967"/>
              <a:gd name="connsiteX192" fmla="*/ 2196420 w 12191941"/>
              <a:gd name="connsiteY192" fmla="*/ 6474347 h 6857967"/>
              <a:gd name="connsiteX193" fmla="*/ 2196420 w 12191941"/>
              <a:gd name="connsiteY193" fmla="*/ 6545648 h 6857967"/>
              <a:gd name="connsiteX194" fmla="*/ 2267720 w 12191941"/>
              <a:gd name="connsiteY194" fmla="*/ 6545648 h 6857967"/>
              <a:gd name="connsiteX195" fmla="*/ 2267720 w 12191941"/>
              <a:gd name="connsiteY195" fmla="*/ 6474347 h 6857967"/>
              <a:gd name="connsiteX196" fmla="*/ 2053813 w 12191941"/>
              <a:gd name="connsiteY196" fmla="*/ 6474347 h 6857967"/>
              <a:gd name="connsiteX197" fmla="*/ 2053813 w 12191941"/>
              <a:gd name="connsiteY197" fmla="*/ 6545648 h 6857967"/>
              <a:gd name="connsiteX198" fmla="*/ 2125117 w 12191941"/>
              <a:gd name="connsiteY198" fmla="*/ 6545648 h 6857967"/>
              <a:gd name="connsiteX199" fmla="*/ 2125117 w 12191941"/>
              <a:gd name="connsiteY199" fmla="*/ 6474347 h 6857967"/>
              <a:gd name="connsiteX200" fmla="*/ 1911141 w 12191941"/>
              <a:gd name="connsiteY200" fmla="*/ 6474347 h 6857967"/>
              <a:gd name="connsiteX201" fmla="*/ 1911141 w 12191941"/>
              <a:gd name="connsiteY201" fmla="*/ 6545648 h 6857967"/>
              <a:gd name="connsiteX202" fmla="*/ 1982442 w 12191941"/>
              <a:gd name="connsiteY202" fmla="*/ 6545648 h 6857967"/>
              <a:gd name="connsiteX203" fmla="*/ 1982442 w 12191941"/>
              <a:gd name="connsiteY203" fmla="*/ 6474347 h 6857967"/>
              <a:gd name="connsiteX204" fmla="*/ 1768470 w 12191941"/>
              <a:gd name="connsiteY204" fmla="*/ 6474347 h 6857967"/>
              <a:gd name="connsiteX205" fmla="*/ 1768470 w 12191941"/>
              <a:gd name="connsiteY205" fmla="*/ 6545648 h 6857967"/>
              <a:gd name="connsiteX206" fmla="*/ 1839771 w 12191941"/>
              <a:gd name="connsiteY206" fmla="*/ 6545648 h 6857967"/>
              <a:gd name="connsiteX207" fmla="*/ 1839771 w 12191941"/>
              <a:gd name="connsiteY207" fmla="*/ 6474347 h 6857967"/>
              <a:gd name="connsiteX208" fmla="*/ 1625870 w 12191941"/>
              <a:gd name="connsiteY208" fmla="*/ 6474347 h 6857967"/>
              <a:gd name="connsiteX209" fmla="*/ 1625870 w 12191941"/>
              <a:gd name="connsiteY209" fmla="*/ 6545648 h 6857967"/>
              <a:gd name="connsiteX210" fmla="*/ 1697170 w 12191941"/>
              <a:gd name="connsiteY210" fmla="*/ 6545648 h 6857967"/>
              <a:gd name="connsiteX211" fmla="*/ 1697170 w 12191941"/>
              <a:gd name="connsiteY211" fmla="*/ 6474347 h 6857967"/>
              <a:gd name="connsiteX212" fmla="*/ 1483199 w 12191941"/>
              <a:gd name="connsiteY212" fmla="*/ 6474347 h 6857967"/>
              <a:gd name="connsiteX213" fmla="*/ 1483199 w 12191941"/>
              <a:gd name="connsiteY213" fmla="*/ 6545648 h 6857967"/>
              <a:gd name="connsiteX214" fmla="*/ 1554500 w 12191941"/>
              <a:gd name="connsiteY214" fmla="*/ 6545648 h 6857967"/>
              <a:gd name="connsiteX215" fmla="*/ 1554500 w 12191941"/>
              <a:gd name="connsiteY215" fmla="*/ 6474347 h 6857967"/>
              <a:gd name="connsiteX216" fmla="*/ 1340599 w 12191941"/>
              <a:gd name="connsiteY216" fmla="*/ 6474347 h 6857967"/>
              <a:gd name="connsiteX217" fmla="*/ 1340599 w 12191941"/>
              <a:gd name="connsiteY217" fmla="*/ 6545648 h 6857967"/>
              <a:gd name="connsiteX218" fmla="*/ 1411899 w 12191941"/>
              <a:gd name="connsiteY218" fmla="*/ 6545648 h 6857967"/>
              <a:gd name="connsiteX219" fmla="*/ 1411899 w 12191941"/>
              <a:gd name="connsiteY219" fmla="*/ 6474347 h 6857967"/>
              <a:gd name="connsiteX220" fmla="*/ 1197929 w 12191941"/>
              <a:gd name="connsiteY220" fmla="*/ 6474347 h 6857967"/>
              <a:gd name="connsiteX221" fmla="*/ 1197929 w 12191941"/>
              <a:gd name="connsiteY221" fmla="*/ 6545648 h 6857967"/>
              <a:gd name="connsiteX222" fmla="*/ 1269230 w 12191941"/>
              <a:gd name="connsiteY222" fmla="*/ 6545648 h 6857967"/>
              <a:gd name="connsiteX223" fmla="*/ 1269230 w 12191941"/>
              <a:gd name="connsiteY223" fmla="*/ 6474347 h 6857967"/>
              <a:gd name="connsiteX224" fmla="*/ 1055311 w 12191941"/>
              <a:gd name="connsiteY224" fmla="*/ 6474347 h 6857967"/>
              <a:gd name="connsiteX225" fmla="*/ 1055311 w 12191941"/>
              <a:gd name="connsiteY225" fmla="*/ 6545648 h 6857967"/>
              <a:gd name="connsiteX226" fmla="*/ 1126612 w 12191941"/>
              <a:gd name="connsiteY226" fmla="*/ 6545648 h 6857967"/>
              <a:gd name="connsiteX227" fmla="*/ 1126612 w 12191941"/>
              <a:gd name="connsiteY227" fmla="*/ 6474347 h 6857967"/>
              <a:gd name="connsiteX228" fmla="*/ 912657 w 12191941"/>
              <a:gd name="connsiteY228" fmla="*/ 6474347 h 6857967"/>
              <a:gd name="connsiteX229" fmla="*/ 912657 w 12191941"/>
              <a:gd name="connsiteY229" fmla="*/ 6545648 h 6857967"/>
              <a:gd name="connsiteX230" fmla="*/ 983958 w 12191941"/>
              <a:gd name="connsiteY230" fmla="*/ 6545648 h 6857967"/>
              <a:gd name="connsiteX231" fmla="*/ 983958 w 12191941"/>
              <a:gd name="connsiteY231" fmla="*/ 6474347 h 6857967"/>
              <a:gd name="connsiteX232" fmla="*/ 771135 w 12191941"/>
              <a:gd name="connsiteY232" fmla="*/ 6474347 h 6857967"/>
              <a:gd name="connsiteX233" fmla="*/ 771135 w 12191941"/>
              <a:gd name="connsiteY233" fmla="*/ 6545648 h 6857967"/>
              <a:gd name="connsiteX234" fmla="*/ 842436 w 12191941"/>
              <a:gd name="connsiteY234" fmla="*/ 6545648 h 6857967"/>
              <a:gd name="connsiteX235" fmla="*/ 842436 w 12191941"/>
              <a:gd name="connsiteY235" fmla="*/ 6474347 h 6857967"/>
              <a:gd name="connsiteX236" fmla="*/ 628534 w 12191941"/>
              <a:gd name="connsiteY236" fmla="*/ 6474347 h 6857967"/>
              <a:gd name="connsiteX237" fmla="*/ 628534 w 12191941"/>
              <a:gd name="connsiteY237" fmla="*/ 6545648 h 6857967"/>
              <a:gd name="connsiteX238" fmla="*/ 699835 w 12191941"/>
              <a:gd name="connsiteY238" fmla="*/ 6545648 h 6857967"/>
              <a:gd name="connsiteX239" fmla="*/ 699835 w 12191941"/>
              <a:gd name="connsiteY239" fmla="*/ 6474347 h 6857967"/>
              <a:gd name="connsiteX240" fmla="*/ 485863 w 12191941"/>
              <a:gd name="connsiteY240" fmla="*/ 6474347 h 6857967"/>
              <a:gd name="connsiteX241" fmla="*/ 485863 w 12191941"/>
              <a:gd name="connsiteY241" fmla="*/ 6545648 h 6857967"/>
              <a:gd name="connsiteX242" fmla="*/ 557163 w 12191941"/>
              <a:gd name="connsiteY242" fmla="*/ 6545648 h 6857967"/>
              <a:gd name="connsiteX243" fmla="*/ 557163 w 12191941"/>
              <a:gd name="connsiteY243" fmla="*/ 6474347 h 6857967"/>
              <a:gd name="connsiteX244" fmla="*/ 343191 w 12191941"/>
              <a:gd name="connsiteY244" fmla="*/ 6474347 h 6857967"/>
              <a:gd name="connsiteX245" fmla="*/ 343191 w 12191941"/>
              <a:gd name="connsiteY245" fmla="*/ 6545648 h 6857967"/>
              <a:gd name="connsiteX246" fmla="*/ 414492 w 12191941"/>
              <a:gd name="connsiteY246" fmla="*/ 6545648 h 6857967"/>
              <a:gd name="connsiteX247" fmla="*/ 414492 w 12191941"/>
              <a:gd name="connsiteY247" fmla="*/ 6474347 h 6857967"/>
              <a:gd name="connsiteX248" fmla="*/ 200587 w 12191941"/>
              <a:gd name="connsiteY248" fmla="*/ 6474347 h 6857967"/>
              <a:gd name="connsiteX249" fmla="*/ 200587 w 12191941"/>
              <a:gd name="connsiteY249" fmla="*/ 6545648 h 6857967"/>
              <a:gd name="connsiteX250" fmla="*/ 271888 w 12191941"/>
              <a:gd name="connsiteY250" fmla="*/ 6545648 h 6857967"/>
              <a:gd name="connsiteX251" fmla="*/ 271888 w 12191941"/>
              <a:gd name="connsiteY251" fmla="*/ 6474347 h 6857967"/>
              <a:gd name="connsiteX252" fmla="*/ 57918 w 12191941"/>
              <a:gd name="connsiteY252" fmla="*/ 6474347 h 6857967"/>
              <a:gd name="connsiteX253" fmla="*/ 57918 w 12191941"/>
              <a:gd name="connsiteY253" fmla="*/ 6545648 h 6857967"/>
              <a:gd name="connsiteX254" fmla="*/ 129219 w 12191941"/>
              <a:gd name="connsiteY254" fmla="*/ 6545648 h 6857967"/>
              <a:gd name="connsiteX255" fmla="*/ 129219 w 12191941"/>
              <a:gd name="connsiteY255" fmla="*/ 6474347 h 6857967"/>
              <a:gd name="connsiteX256" fmla="*/ 10040665 w 12191941"/>
              <a:gd name="connsiteY256" fmla="*/ 6325709 h 6857967"/>
              <a:gd name="connsiteX257" fmla="*/ 10040665 w 12191941"/>
              <a:gd name="connsiteY257" fmla="*/ 6397010 h 6857967"/>
              <a:gd name="connsiteX258" fmla="*/ 10111966 w 12191941"/>
              <a:gd name="connsiteY258" fmla="*/ 6397010 h 6857967"/>
              <a:gd name="connsiteX259" fmla="*/ 10111966 w 12191941"/>
              <a:gd name="connsiteY259" fmla="*/ 6325709 h 6857967"/>
              <a:gd name="connsiteX260" fmla="*/ 9898063 w 12191941"/>
              <a:gd name="connsiteY260" fmla="*/ 6325709 h 6857967"/>
              <a:gd name="connsiteX261" fmla="*/ 9898063 w 12191941"/>
              <a:gd name="connsiteY261" fmla="*/ 6397010 h 6857967"/>
              <a:gd name="connsiteX262" fmla="*/ 9969363 w 12191941"/>
              <a:gd name="connsiteY262" fmla="*/ 6397010 h 6857967"/>
              <a:gd name="connsiteX263" fmla="*/ 9969363 w 12191941"/>
              <a:gd name="connsiteY263" fmla="*/ 6325709 h 6857967"/>
              <a:gd name="connsiteX264" fmla="*/ 9755391 w 12191941"/>
              <a:gd name="connsiteY264" fmla="*/ 6325709 h 6857967"/>
              <a:gd name="connsiteX265" fmla="*/ 9755391 w 12191941"/>
              <a:gd name="connsiteY265" fmla="*/ 6397010 h 6857967"/>
              <a:gd name="connsiteX266" fmla="*/ 9826692 w 12191941"/>
              <a:gd name="connsiteY266" fmla="*/ 6397010 h 6857967"/>
              <a:gd name="connsiteX267" fmla="*/ 9826692 w 12191941"/>
              <a:gd name="connsiteY267" fmla="*/ 6325709 h 6857967"/>
              <a:gd name="connsiteX268" fmla="*/ 9612718 w 12191941"/>
              <a:gd name="connsiteY268" fmla="*/ 6325709 h 6857967"/>
              <a:gd name="connsiteX269" fmla="*/ 9612718 w 12191941"/>
              <a:gd name="connsiteY269" fmla="*/ 6397010 h 6857967"/>
              <a:gd name="connsiteX270" fmla="*/ 9684019 w 12191941"/>
              <a:gd name="connsiteY270" fmla="*/ 6397010 h 6857967"/>
              <a:gd name="connsiteX271" fmla="*/ 9684019 w 12191941"/>
              <a:gd name="connsiteY271" fmla="*/ 6325709 h 6857967"/>
              <a:gd name="connsiteX272" fmla="*/ 9470117 w 12191941"/>
              <a:gd name="connsiteY272" fmla="*/ 6325709 h 6857967"/>
              <a:gd name="connsiteX273" fmla="*/ 9470117 w 12191941"/>
              <a:gd name="connsiteY273" fmla="*/ 6397010 h 6857967"/>
              <a:gd name="connsiteX274" fmla="*/ 9541417 w 12191941"/>
              <a:gd name="connsiteY274" fmla="*/ 6397010 h 6857967"/>
              <a:gd name="connsiteX275" fmla="*/ 9541417 w 12191941"/>
              <a:gd name="connsiteY275" fmla="*/ 6325709 h 6857967"/>
              <a:gd name="connsiteX276" fmla="*/ 9327444 w 12191941"/>
              <a:gd name="connsiteY276" fmla="*/ 6325709 h 6857967"/>
              <a:gd name="connsiteX277" fmla="*/ 9327444 w 12191941"/>
              <a:gd name="connsiteY277" fmla="*/ 6397010 h 6857967"/>
              <a:gd name="connsiteX278" fmla="*/ 9398745 w 12191941"/>
              <a:gd name="connsiteY278" fmla="*/ 6397010 h 6857967"/>
              <a:gd name="connsiteX279" fmla="*/ 9398745 w 12191941"/>
              <a:gd name="connsiteY279" fmla="*/ 6325709 h 6857967"/>
              <a:gd name="connsiteX280" fmla="*/ 9184842 w 12191941"/>
              <a:gd name="connsiteY280" fmla="*/ 6325709 h 6857967"/>
              <a:gd name="connsiteX281" fmla="*/ 9184842 w 12191941"/>
              <a:gd name="connsiteY281" fmla="*/ 6397010 h 6857967"/>
              <a:gd name="connsiteX282" fmla="*/ 9256143 w 12191941"/>
              <a:gd name="connsiteY282" fmla="*/ 6397010 h 6857967"/>
              <a:gd name="connsiteX283" fmla="*/ 9256143 w 12191941"/>
              <a:gd name="connsiteY283" fmla="*/ 6325709 h 6857967"/>
              <a:gd name="connsiteX284" fmla="*/ 9042170 w 12191941"/>
              <a:gd name="connsiteY284" fmla="*/ 6325709 h 6857967"/>
              <a:gd name="connsiteX285" fmla="*/ 9042170 w 12191941"/>
              <a:gd name="connsiteY285" fmla="*/ 6397010 h 6857967"/>
              <a:gd name="connsiteX286" fmla="*/ 9113471 w 12191941"/>
              <a:gd name="connsiteY286" fmla="*/ 6397010 h 6857967"/>
              <a:gd name="connsiteX287" fmla="*/ 9113471 w 12191941"/>
              <a:gd name="connsiteY287" fmla="*/ 6325709 h 6857967"/>
              <a:gd name="connsiteX288" fmla="*/ 8899568 w 12191941"/>
              <a:gd name="connsiteY288" fmla="*/ 6325709 h 6857967"/>
              <a:gd name="connsiteX289" fmla="*/ 8899568 w 12191941"/>
              <a:gd name="connsiteY289" fmla="*/ 6397010 h 6857967"/>
              <a:gd name="connsiteX290" fmla="*/ 8970869 w 12191941"/>
              <a:gd name="connsiteY290" fmla="*/ 6397010 h 6857967"/>
              <a:gd name="connsiteX291" fmla="*/ 8970869 w 12191941"/>
              <a:gd name="connsiteY291" fmla="*/ 6325709 h 6857967"/>
              <a:gd name="connsiteX292" fmla="*/ 8756896 w 12191941"/>
              <a:gd name="connsiteY292" fmla="*/ 6325709 h 6857967"/>
              <a:gd name="connsiteX293" fmla="*/ 8756896 w 12191941"/>
              <a:gd name="connsiteY293" fmla="*/ 6397010 h 6857967"/>
              <a:gd name="connsiteX294" fmla="*/ 8828196 w 12191941"/>
              <a:gd name="connsiteY294" fmla="*/ 6397010 h 6857967"/>
              <a:gd name="connsiteX295" fmla="*/ 8828196 w 12191941"/>
              <a:gd name="connsiteY295" fmla="*/ 6325709 h 6857967"/>
              <a:gd name="connsiteX296" fmla="*/ 8614223 w 12191941"/>
              <a:gd name="connsiteY296" fmla="*/ 6325709 h 6857967"/>
              <a:gd name="connsiteX297" fmla="*/ 8614223 w 12191941"/>
              <a:gd name="connsiteY297" fmla="*/ 6397010 h 6857967"/>
              <a:gd name="connsiteX298" fmla="*/ 8685524 w 12191941"/>
              <a:gd name="connsiteY298" fmla="*/ 6397010 h 6857967"/>
              <a:gd name="connsiteX299" fmla="*/ 8685524 w 12191941"/>
              <a:gd name="connsiteY299" fmla="*/ 6325709 h 6857967"/>
              <a:gd name="connsiteX300" fmla="*/ 8471622 w 12191941"/>
              <a:gd name="connsiteY300" fmla="*/ 6325709 h 6857967"/>
              <a:gd name="connsiteX301" fmla="*/ 8471622 w 12191941"/>
              <a:gd name="connsiteY301" fmla="*/ 6397010 h 6857967"/>
              <a:gd name="connsiteX302" fmla="*/ 8542923 w 12191941"/>
              <a:gd name="connsiteY302" fmla="*/ 6397010 h 6857967"/>
              <a:gd name="connsiteX303" fmla="*/ 8542923 w 12191941"/>
              <a:gd name="connsiteY303" fmla="*/ 6325709 h 6857967"/>
              <a:gd name="connsiteX304" fmla="*/ 8328949 w 12191941"/>
              <a:gd name="connsiteY304" fmla="*/ 6325709 h 6857967"/>
              <a:gd name="connsiteX305" fmla="*/ 8328949 w 12191941"/>
              <a:gd name="connsiteY305" fmla="*/ 6397010 h 6857967"/>
              <a:gd name="connsiteX306" fmla="*/ 8400250 w 12191941"/>
              <a:gd name="connsiteY306" fmla="*/ 6397010 h 6857967"/>
              <a:gd name="connsiteX307" fmla="*/ 8400250 w 12191941"/>
              <a:gd name="connsiteY307" fmla="*/ 6325709 h 6857967"/>
              <a:gd name="connsiteX308" fmla="*/ 8186348 w 12191941"/>
              <a:gd name="connsiteY308" fmla="*/ 6325709 h 6857967"/>
              <a:gd name="connsiteX309" fmla="*/ 8186348 w 12191941"/>
              <a:gd name="connsiteY309" fmla="*/ 6397010 h 6857967"/>
              <a:gd name="connsiteX310" fmla="*/ 8257649 w 12191941"/>
              <a:gd name="connsiteY310" fmla="*/ 6397010 h 6857967"/>
              <a:gd name="connsiteX311" fmla="*/ 8257649 w 12191941"/>
              <a:gd name="connsiteY311" fmla="*/ 6325709 h 6857967"/>
              <a:gd name="connsiteX312" fmla="*/ 8043675 w 12191941"/>
              <a:gd name="connsiteY312" fmla="*/ 6325709 h 6857967"/>
              <a:gd name="connsiteX313" fmla="*/ 8043675 w 12191941"/>
              <a:gd name="connsiteY313" fmla="*/ 6397010 h 6857967"/>
              <a:gd name="connsiteX314" fmla="*/ 8114976 w 12191941"/>
              <a:gd name="connsiteY314" fmla="*/ 6397010 h 6857967"/>
              <a:gd name="connsiteX315" fmla="*/ 8114976 w 12191941"/>
              <a:gd name="connsiteY315" fmla="*/ 6325709 h 6857967"/>
              <a:gd name="connsiteX316" fmla="*/ 7901003 w 12191941"/>
              <a:gd name="connsiteY316" fmla="*/ 6325709 h 6857967"/>
              <a:gd name="connsiteX317" fmla="*/ 7901003 w 12191941"/>
              <a:gd name="connsiteY317" fmla="*/ 6397010 h 6857967"/>
              <a:gd name="connsiteX318" fmla="*/ 7972304 w 12191941"/>
              <a:gd name="connsiteY318" fmla="*/ 6397010 h 6857967"/>
              <a:gd name="connsiteX319" fmla="*/ 7972304 w 12191941"/>
              <a:gd name="connsiteY319" fmla="*/ 6325709 h 6857967"/>
              <a:gd name="connsiteX320" fmla="*/ 7758401 w 12191941"/>
              <a:gd name="connsiteY320" fmla="*/ 6325709 h 6857967"/>
              <a:gd name="connsiteX321" fmla="*/ 7758401 w 12191941"/>
              <a:gd name="connsiteY321" fmla="*/ 6397010 h 6857967"/>
              <a:gd name="connsiteX322" fmla="*/ 7829702 w 12191941"/>
              <a:gd name="connsiteY322" fmla="*/ 6397010 h 6857967"/>
              <a:gd name="connsiteX323" fmla="*/ 7829702 w 12191941"/>
              <a:gd name="connsiteY323" fmla="*/ 6325709 h 6857967"/>
              <a:gd name="connsiteX324" fmla="*/ 7615728 w 12191941"/>
              <a:gd name="connsiteY324" fmla="*/ 6325709 h 6857967"/>
              <a:gd name="connsiteX325" fmla="*/ 7615728 w 12191941"/>
              <a:gd name="connsiteY325" fmla="*/ 6397010 h 6857967"/>
              <a:gd name="connsiteX326" fmla="*/ 7687029 w 12191941"/>
              <a:gd name="connsiteY326" fmla="*/ 6397010 h 6857967"/>
              <a:gd name="connsiteX327" fmla="*/ 7687029 w 12191941"/>
              <a:gd name="connsiteY327" fmla="*/ 6325709 h 6857967"/>
              <a:gd name="connsiteX328" fmla="*/ 7473127 w 12191941"/>
              <a:gd name="connsiteY328" fmla="*/ 6325709 h 6857967"/>
              <a:gd name="connsiteX329" fmla="*/ 7473127 w 12191941"/>
              <a:gd name="connsiteY329" fmla="*/ 6397010 h 6857967"/>
              <a:gd name="connsiteX330" fmla="*/ 7544428 w 12191941"/>
              <a:gd name="connsiteY330" fmla="*/ 6397010 h 6857967"/>
              <a:gd name="connsiteX331" fmla="*/ 7544428 w 12191941"/>
              <a:gd name="connsiteY331" fmla="*/ 6325709 h 6857967"/>
              <a:gd name="connsiteX332" fmla="*/ 7330454 w 12191941"/>
              <a:gd name="connsiteY332" fmla="*/ 6325709 h 6857967"/>
              <a:gd name="connsiteX333" fmla="*/ 7330454 w 12191941"/>
              <a:gd name="connsiteY333" fmla="*/ 6397010 h 6857967"/>
              <a:gd name="connsiteX334" fmla="*/ 7401755 w 12191941"/>
              <a:gd name="connsiteY334" fmla="*/ 6397010 h 6857967"/>
              <a:gd name="connsiteX335" fmla="*/ 7401755 w 12191941"/>
              <a:gd name="connsiteY335" fmla="*/ 6325709 h 6857967"/>
              <a:gd name="connsiteX336" fmla="*/ 7187853 w 12191941"/>
              <a:gd name="connsiteY336" fmla="*/ 6325709 h 6857967"/>
              <a:gd name="connsiteX337" fmla="*/ 7187853 w 12191941"/>
              <a:gd name="connsiteY337" fmla="*/ 6397010 h 6857967"/>
              <a:gd name="connsiteX338" fmla="*/ 7259154 w 12191941"/>
              <a:gd name="connsiteY338" fmla="*/ 6397010 h 6857967"/>
              <a:gd name="connsiteX339" fmla="*/ 7259154 w 12191941"/>
              <a:gd name="connsiteY339" fmla="*/ 6325709 h 6857967"/>
              <a:gd name="connsiteX340" fmla="*/ 7045180 w 12191941"/>
              <a:gd name="connsiteY340" fmla="*/ 6325709 h 6857967"/>
              <a:gd name="connsiteX341" fmla="*/ 7045180 w 12191941"/>
              <a:gd name="connsiteY341" fmla="*/ 6397010 h 6857967"/>
              <a:gd name="connsiteX342" fmla="*/ 7116481 w 12191941"/>
              <a:gd name="connsiteY342" fmla="*/ 6397010 h 6857967"/>
              <a:gd name="connsiteX343" fmla="*/ 7116481 w 12191941"/>
              <a:gd name="connsiteY343" fmla="*/ 6325709 h 6857967"/>
              <a:gd name="connsiteX344" fmla="*/ 6902579 w 12191941"/>
              <a:gd name="connsiteY344" fmla="*/ 6325709 h 6857967"/>
              <a:gd name="connsiteX345" fmla="*/ 6902579 w 12191941"/>
              <a:gd name="connsiteY345" fmla="*/ 6397010 h 6857967"/>
              <a:gd name="connsiteX346" fmla="*/ 6973880 w 12191941"/>
              <a:gd name="connsiteY346" fmla="*/ 6397010 h 6857967"/>
              <a:gd name="connsiteX347" fmla="*/ 6973880 w 12191941"/>
              <a:gd name="connsiteY347" fmla="*/ 6325709 h 6857967"/>
              <a:gd name="connsiteX348" fmla="*/ 6759906 w 12191941"/>
              <a:gd name="connsiteY348" fmla="*/ 6325709 h 6857967"/>
              <a:gd name="connsiteX349" fmla="*/ 6759906 w 12191941"/>
              <a:gd name="connsiteY349" fmla="*/ 6397010 h 6857967"/>
              <a:gd name="connsiteX350" fmla="*/ 6831207 w 12191941"/>
              <a:gd name="connsiteY350" fmla="*/ 6397010 h 6857967"/>
              <a:gd name="connsiteX351" fmla="*/ 6831207 w 12191941"/>
              <a:gd name="connsiteY351" fmla="*/ 6325709 h 6857967"/>
              <a:gd name="connsiteX352" fmla="*/ 6617234 w 12191941"/>
              <a:gd name="connsiteY352" fmla="*/ 6325709 h 6857967"/>
              <a:gd name="connsiteX353" fmla="*/ 6617234 w 12191941"/>
              <a:gd name="connsiteY353" fmla="*/ 6397010 h 6857967"/>
              <a:gd name="connsiteX354" fmla="*/ 6688535 w 12191941"/>
              <a:gd name="connsiteY354" fmla="*/ 6397010 h 6857967"/>
              <a:gd name="connsiteX355" fmla="*/ 6688535 w 12191941"/>
              <a:gd name="connsiteY355" fmla="*/ 6325709 h 6857967"/>
              <a:gd name="connsiteX356" fmla="*/ 6474632 w 12191941"/>
              <a:gd name="connsiteY356" fmla="*/ 6325709 h 6857967"/>
              <a:gd name="connsiteX357" fmla="*/ 6474632 w 12191941"/>
              <a:gd name="connsiteY357" fmla="*/ 6397010 h 6857967"/>
              <a:gd name="connsiteX358" fmla="*/ 6545933 w 12191941"/>
              <a:gd name="connsiteY358" fmla="*/ 6397010 h 6857967"/>
              <a:gd name="connsiteX359" fmla="*/ 6545933 w 12191941"/>
              <a:gd name="connsiteY359" fmla="*/ 6325709 h 6857967"/>
              <a:gd name="connsiteX360" fmla="*/ 6331959 w 12191941"/>
              <a:gd name="connsiteY360" fmla="*/ 6325709 h 6857967"/>
              <a:gd name="connsiteX361" fmla="*/ 6331959 w 12191941"/>
              <a:gd name="connsiteY361" fmla="*/ 6397010 h 6857967"/>
              <a:gd name="connsiteX362" fmla="*/ 6403260 w 12191941"/>
              <a:gd name="connsiteY362" fmla="*/ 6397010 h 6857967"/>
              <a:gd name="connsiteX363" fmla="*/ 6403260 w 12191941"/>
              <a:gd name="connsiteY363" fmla="*/ 6325709 h 6857967"/>
              <a:gd name="connsiteX364" fmla="*/ 6189358 w 12191941"/>
              <a:gd name="connsiteY364" fmla="*/ 6325709 h 6857967"/>
              <a:gd name="connsiteX365" fmla="*/ 6189358 w 12191941"/>
              <a:gd name="connsiteY365" fmla="*/ 6397010 h 6857967"/>
              <a:gd name="connsiteX366" fmla="*/ 6260659 w 12191941"/>
              <a:gd name="connsiteY366" fmla="*/ 6397010 h 6857967"/>
              <a:gd name="connsiteX367" fmla="*/ 6260659 w 12191941"/>
              <a:gd name="connsiteY367" fmla="*/ 6325709 h 6857967"/>
              <a:gd name="connsiteX368" fmla="*/ 6046689 w 12191941"/>
              <a:gd name="connsiteY368" fmla="*/ 6325709 h 6857967"/>
              <a:gd name="connsiteX369" fmla="*/ 6046689 w 12191941"/>
              <a:gd name="connsiteY369" fmla="*/ 6397010 h 6857967"/>
              <a:gd name="connsiteX370" fmla="*/ 6117986 w 12191941"/>
              <a:gd name="connsiteY370" fmla="*/ 6397010 h 6857967"/>
              <a:gd name="connsiteX371" fmla="*/ 6117986 w 12191941"/>
              <a:gd name="connsiteY371" fmla="*/ 6325709 h 6857967"/>
              <a:gd name="connsiteX372" fmla="*/ 5904022 w 12191941"/>
              <a:gd name="connsiteY372" fmla="*/ 6325709 h 6857967"/>
              <a:gd name="connsiteX373" fmla="*/ 5904022 w 12191941"/>
              <a:gd name="connsiteY373" fmla="*/ 6397010 h 6857967"/>
              <a:gd name="connsiteX374" fmla="*/ 5975319 w 12191941"/>
              <a:gd name="connsiteY374" fmla="*/ 6397010 h 6857967"/>
              <a:gd name="connsiteX375" fmla="*/ 5975319 w 12191941"/>
              <a:gd name="connsiteY375" fmla="*/ 6325709 h 6857967"/>
              <a:gd name="connsiteX376" fmla="*/ 5761426 w 12191941"/>
              <a:gd name="connsiteY376" fmla="*/ 6325709 h 6857967"/>
              <a:gd name="connsiteX377" fmla="*/ 5761426 w 12191941"/>
              <a:gd name="connsiteY377" fmla="*/ 6397010 h 6857967"/>
              <a:gd name="connsiteX378" fmla="*/ 5832724 w 12191941"/>
              <a:gd name="connsiteY378" fmla="*/ 6397010 h 6857967"/>
              <a:gd name="connsiteX379" fmla="*/ 5832724 w 12191941"/>
              <a:gd name="connsiteY379" fmla="*/ 6325709 h 6857967"/>
              <a:gd name="connsiteX380" fmla="*/ 5618761 w 12191941"/>
              <a:gd name="connsiteY380" fmla="*/ 6325709 h 6857967"/>
              <a:gd name="connsiteX381" fmla="*/ 5618761 w 12191941"/>
              <a:gd name="connsiteY381" fmla="*/ 6397010 h 6857967"/>
              <a:gd name="connsiteX382" fmla="*/ 5690059 w 12191941"/>
              <a:gd name="connsiteY382" fmla="*/ 6397010 h 6857967"/>
              <a:gd name="connsiteX383" fmla="*/ 5690059 w 12191941"/>
              <a:gd name="connsiteY383" fmla="*/ 6325709 h 6857967"/>
              <a:gd name="connsiteX384" fmla="*/ 5476167 w 12191941"/>
              <a:gd name="connsiteY384" fmla="*/ 6325709 h 6857967"/>
              <a:gd name="connsiteX385" fmla="*/ 5476167 w 12191941"/>
              <a:gd name="connsiteY385" fmla="*/ 6397010 h 6857967"/>
              <a:gd name="connsiteX386" fmla="*/ 5547465 w 12191941"/>
              <a:gd name="connsiteY386" fmla="*/ 6397010 h 6857967"/>
              <a:gd name="connsiteX387" fmla="*/ 5547465 w 12191941"/>
              <a:gd name="connsiteY387" fmla="*/ 6325709 h 6857967"/>
              <a:gd name="connsiteX388" fmla="*/ 5333500 w 12191941"/>
              <a:gd name="connsiteY388" fmla="*/ 6325709 h 6857967"/>
              <a:gd name="connsiteX389" fmla="*/ 5333500 w 12191941"/>
              <a:gd name="connsiteY389" fmla="*/ 6397010 h 6857967"/>
              <a:gd name="connsiteX390" fmla="*/ 5404799 w 12191941"/>
              <a:gd name="connsiteY390" fmla="*/ 6397010 h 6857967"/>
              <a:gd name="connsiteX391" fmla="*/ 5404799 w 12191941"/>
              <a:gd name="connsiteY391" fmla="*/ 6325709 h 6857967"/>
              <a:gd name="connsiteX392" fmla="*/ 5190877 w 12191941"/>
              <a:gd name="connsiteY392" fmla="*/ 6325709 h 6857967"/>
              <a:gd name="connsiteX393" fmla="*/ 5190877 w 12191941"/>
              <a:gd name="connsiteY393" fmla="*/ 6397010 h 6857967"/>
              <a:gd name="connsiteX394" fmla="*/ 5262188 w 12191941"/>
              <a:gd name="connsiteY394" fmla="*/ 6397010 h 6857967"/>
              <a:gd name="connsiteX395" fmla="*/ 5262188 w 12191941"/>
              <a:gd name="connsiteY395" fmla="*/ 6325709 h 6857967"/>
              <a:gd name="connsiteX396" fmla="*/ 5048236 w 12191941"/>
              <a:gd name="connsiteY396" fmla="*/ 6325709 h 6857967"/>
              <a:gd name="connsiteX397" fmla="*/ 5048236 w 12191941"/>
              <a:gd name="connsiteY397" fmla="*/ 6397010 h 6857967"/>
              <a:gd name="connsiteX398" fmla="*/ 5119527 w 12191941"/>
              <a:gd name="connsiteY398" fmla="*/ 6397010 h 6857967"/>
              <a:gd name="connsiteX399" fmla="*/ 5119527 w 12191941"/>
              <a:gd name="connsiteY399" fmla="*/ 6325709 h 6857967"/>
              <a:gd name="connsiteX400" fmla="*/ 4906607 w 12191941"/>
              <a:gd name="connsiteY400" fmla="*/ 6325709 h 6857967"/>
              <a:gd name="connsiteX401" fmla="*/ 4906607 w 12191941"/>
              <a:gd name="connsiteY401" fmla="*/ 6397010 h 6857967"/>
              <a:gd name="connsiteX402" fmla="*/ 4977916 w 12191941"/>
              <a:gd name="connsiteY402" fmla="*/ 6397010 h 6857967"/>
              <a:gd name="connsiteX403" fmla="*/ 4977916 w 12191941"/>
              <a:gd name="connsiteY403" fmla="*/ 6325709 h 6857967"/>
              <a:gd name="connsiteX404" fmla="*/ 4764013 w 12191941"/>
              <a:gd name="connsiteY404" fmla="*/ 6325709 h 6857967"/>
              <a:gd name="connsiteX405" fmla="*/ 4764013 w 12191941"/>
              <a:gd name="connsiteY405" fmla="*/ 6397010 h 6857967"/>
              <a:gd name="connsiteX406" fmla="*/ 4835311 w 12191941"/>
              <a:gd name="connsiteY406" fmla="*/ 6397010 h 6857967"/>
              <a:gd name="connsiteX407" fmla="*/ 4835311 w 12191941"/>
              <a:gd name="connsiteY407" fmla="*/ 6325709 h 6857967"/>
              <a:gd name="connsiteX408" fmla="*/ 4621341 w 12191941"/>
              <a:gd name="connsiteY408" fmla="*/ 6325709 h 6857967"/>
              <a:gd name="connsiteX409" fmla="*/ 4621341 w 12191941"/>
              <a:gd name="connsiteY409" fmla="*/ 6397010 h 6857967"/>
              <a:gd name="connsiteX410" fmla="*/ 4692639 w 12191941"/>
              <a:gd name="connsiteY410" fmla="*/ 6397010 h 6857967"/>
              <a:gd name="connsiteX411" fmla="*/ 4692639 w 12191941"/>
              <a:gd name="connsiteY411" fmla="*/ 6325709 h 6857967"/>
              <a:gd name="connsiteX412" fmla="*/ 4478666 w 12191941"/>
              <a:gd name="connsiteY412" fmla="*/ 6325709 h 6857967"/>
              <a:gd name="connsiteX413" fmla="*/ 4478666 w 12191941"/>
              <a:gd name="connsiteY413" fmla="*/ 6397010 h 6857967"/>
              <a:gd name="connsiteX414" fmla="*/ 4549969 w 12191941"/>
              <a:gd name="connsiteY414" fmla="*/ 6397010 h 6857967"/>
              <a:gd name="connsiteX415" fmla="*/ 4549969 w 12191941"/>
              <a:gd name="connsiteY415" fmla="*/ 6325709 h 6857967"/>
              <a:gd name="connsiteX416" fmla="*/ 4336067 w 12191941"/>
              <a:gd name="connsiteY416" fmla="*/ 6325709 h 6857967"/>
              <a:gd name="connsiteX417" fmla="*/ 4336067 w 12191941"/>
              <a:gd name="connsiteY417" fmla="*/ 6397010 h 6857967"/>
              <a:gd name="connsiteX418" fmla="*/ 4407366 w 12191941"/>
              <a:gd name="connsiteY418" fmla="*/ 6397010 h 6857967"/>
              <a:gd name="connsiteX419" fmla="*/ 4407366 w 12191941"/>
              <a:gd name="connsiteY419" fmla="*/ 6325709 h 6857967"/>
              <a:gd name="connsiteX420" fmla="*/ 4193413 w 12191941"/>
              <a:gd name="connsiteY420" fmla="*/ 6325709 h 6857967"/>
              <a:gd name="connsiteX421" fmla="*/ 4193413 w 12191941"/>
              <a:gd name="connsiteY421" fmla="*/ 6397010 h 6857967"/>
              <a:gd name="connsiteX422" fmla="*/ 4264695 w 12191941"/>
              <a:gd name="connsiteY422" fmla="*/ 6397010 h 6857967"/>
              <a:gd name="connsiteX423" fmla="*/ 4264695 w 12191941"/>
              <a:gd name="connsiteY423" fmla="*/ 6325709 h 6857967"/>
              <a:gd name="connsiteX424" fmla="*/ 4050810 w 12191941"/>
              <a:gd name="connsiteY424" fmla="*/ 6325709 h 6857967"/>
              <a:gd name="connsiteX425" fmla="*/ 4050810 w 12191941"/>
              <a:gd name="connsiteY425" fmla="*/ 6397010 h 6857967"/>
              <a:gd name="connsiteX426" fmla="*/ 4122113 w 12191941"/>
              <a:gd name="connsiteY426" fmla="*/ 6397010 h 6857967"/>
              <a:gd name="connsiteX427" fmla="*/ 4122113 w 12191941"/>
              <a:gd name="connsiteY427" fmla="*/ 6325709 h 6857967"/>
              <a:gd name="connsiteX428" fmla="*/ 3908136 w 12191941"/>
              <a:gd name="connsiteY428" fmla="*/ 6325709 h 6857967"/>
              <a:gd name="connsiteX429" fmla="*/ 3908136 w 12191941"/>
              <a:gd name="connsiteY429" fmla="*/ 6397010 h 6857967"/>
              <a:gd name="connsiteX430" fmla="*/ 3979438 w 12191941"/>
              <a:gd name="connsiteY430" fmla="*/ 6397010 h 6857967"/>
              <a:gd name="connsiteX431" fmla="*/ 3979438 w 12191941"/>
              <a:gd name="connsiteY431" fmla="*/ 6325709 h 6857967"/>
              <a:gd name="connsiteX432" fmla="*/ 3765462 w 12191941"/>
              <a:gd name="connsiteY432" fmla="*/ 6325709 h 6857967"/>
              <a:gd name="connsiteX433" fmla="*/ 3765462 w 12191941"/>
              <a:gd name="connsiteY433" fmla="*/ 6397010 h 6857967"/>
              <a:gd name="connsiteX434" fmla="*/ 3836763 w 12191941"/>
              <a:gd name="connsiteY434" fmla="*/ 6397010 h 6857967"/>
              <a:gd name="connsiteX435" fmla="*/ 3836763 w 12191941"/>
              <a:gd name="connsiteY435" fmla="*/ 6325709 h 6857967"/>
              <a:gd name="connsiteX436" fmla="*/ 3622851 w 12191941"/>
              <a:gd name="connsiteY436" fmla="*/ 6325709 h 6857967"/>
              <a:gd name="connsiteX437" fmla="*/ 3622851 w 12191941"/>
              <a:gd name="connsiteY437" fmla="*/ 6397010 h 6857967"/>
              <a:gd name="connsiteX438" fmla="*/ 3694151 w 12191941"/>
              <a:gd name="connsiteY438" fmla="*/ 6397010 h 6857967"/>
              <a:gd name="connsiteX439" fmla="*/ 3694151 w 12191941"/>
              <a:gd name="connsiteY439" fmla="*/ 6325709 h 6857967"/>
              <a:gd name="connsiteX440" fmla="*/ 3480203 w 12191941"/>
              <a:gd name="connsiteY440" fmla="*/ 6325709 h 6857967"/>
              <a:gd name="connsiteX441" fmla="*/ 3480203 w 12191941"/>
              <a:gd name="connsiteY441" fmla="*/ 6397010 h 6857967"/>
              <a:gd name="connsiteX442" fmla="*/ 3551509 w 12191941"/>
              <a:gd name="connsiteY442" fmla="*/ 6397010 h 6857967"/>
              <a:gd name="connsiteX443" fmla="*/ 3551509 w 12191941"/>
              <a:gd name="connsiteY443" fmla="*/ 6325709 h 6857967"/>
              <a:gd name="connsiteX444" fmla="*/ 3337580 w 12191941"/>
              <a:gd name="connsiteY444" fmla="*/ 6325709 h 6857967"/>
              <a:gd name="connsiteX445" fmla="*/ 3337580 w 12191941"/>
              <a:gd name="connsiteY445" fmla="*/ 6397010 h 6857967"/>
              <a:gd name="connsiteX446" fmla="*/ 3408881 w 12191941"/>
              <a:gd name="connsiteY446" fmla="*/ 6397010 h 6857967"/>
              <a:gd name="connsiteX447" fmla="*/ 3408881 w 12191941"/>
              <a:gd name="connsiteY447" fmla="*/ 6325709 h 6857967"/>
              <a:gd name="connsiteX448" fmla="*/ 3194905 w 12191941"/>
              <a:gd name="connsiteY448" fmla="*/ 6325709 h 6857967"/>
              <a:gd name="connsiteX449" fmla="*/ 3194905 w 12191941"/>
              <a:gd name="connsiteY449" fmla="*/ 6397010 h 6857967"/>
              <a:gd name="connsiteX450" fmla="*/ 3266208 w 12191941"/>
              <a:gd name="connsiteY450" fmla="*/ 6397010 h 6857967"/>
              <a:gd name="connsiteX451" fmla="*/ 3266208 w 12191941"/>
              <a:gd name="connsiteY451" fmla="*/ 6325709 h 6857967"/>
              <a:gd name="connsiteX452" fmla="*/ 3052305 w 12191941"/>
              <a:gd name="connsiteY452" fmla="*/ 6325709 h 6857967"/>
              <a:gd name="connsiteX453" fmla="*/ 3052305 w 12191941"/>
              <a:gd name="connsiteY453" fmla="*/ 6397010 h 6857967"/>
              <a:gd name="connsiteX454" fmla="*/ 3123607 w 12191941"/>
              <a:gd name="connsiteY454" fmla="*/ 6397010 h 6857967"/>
              <a:gd name="connsiteX455" fmla="*/ 3123607 w 12191941"/>
              <a:gd name="connsiteY455" fmla="*/ 6325709 h 6857967"/>
              <a:gd name="connsiteX456" fmla="*/ 2909633 w 12191941"/>
              <a:gd name="connsiteY456" fmla="*/ 6325709 h 6857967"/>
              <a:gd name="connsiteX457" fmla="*/ 2909633 w 12191941"/>
              <a:gd name="connsiteY457" fmla="*/ 6397010 h 6857967"/>
              <a:gd name="connsiteX458" fmla="*/ 2980934 w 12191941"/>
              <a:gd name="connsiteY458" fmla="*/ 6397010 h 6857967"/>
              <a:gd name="connsiteX459" fmla="*/ 2980934 w 12191941"/>
              <a:gd name="connsiteY459" fmla="*/ 6325709 h 6857967"/>
              <a:gd name="connsiteX460" fmla="*/ 2767033 w 12191941"/>
              <a:gd name="connsiteY460" fmla="*/ 6325709 h 6857967"/>
              <a:gd name="connsiteX461" fmla="*/ 2767033 w 12191941"/>
              <a:gd name="connsiteY461" fmla="*/ 6397010 h 6857967"/>
              <a:gd name="connsiteX462" fmla="*/ 2838334 w 12191941"/>
              <a:gd name="connsiteY462" fmla="*/ 6397010 h 6857967"/>
              <a:gd name="connsiteX463" fmla="*/ 2838334 w 12191941"/>
              <a:gd name="connsiteY463" fmla="*/ 6325709 h 6857967"/>
              <a:gd name="connsiteX464" fmla="*/ 2624361 w 12191941"/>
              <a:gd name="connsiteY464" fmla="*/ 6325709 h 6857967"/>
              <a:gd name="connsiteX465" fmla="*/ 2624361 w 12191941"/>
              <a:gd name="connsiteY465" fmla="*/ 6397010 h 6857967"/>
              <a:gd name="connsiteX466" fmla="*/ 2695661 w 12191941"/>
              <a:gd name="connsiteY466" fmla="*/ 6397010 h 6857967"/>
              <a:gd name="connsiteX467" fmla="*/ 2695661 w 12191941"/>
              <a:gd name="connsiteY467" fmla="*/ 6325709 h 6857967"/>
              <a:gd name="connsiteX468" fmla="*/ 2481690 w 12191941"/>
              <a:gd name="connsiteY468" fmla="*/ 6325709 h 6857967"/>
              <a:gd name="connsiteX469" fmla="*/ 2481690 w 12191941"/>
              <a:gd name="connsiteY469" fmla="*/ 6397010 h 6857967"/>
              <a:gd name="connsiteX470" fmla="*/ 2552991 w 12191941"/>
              <a:gd name="connsiteY470" fmla="*/ 6397010 h 6857967"/>
              <a:gd name="connsiteX471" fmla="*/ 2552991 w 12191941"/>
              <a:gd name="connsiteY471" fmla="*/ 6325709 h 6857967"/>
              <a:gd name="connsiteX472" fmla="*/ 2339091 w 12191941"/>
              <a:gd name="connsiteY472" fmla="*/ 6325709 h 6857967"/>
              <a:gd name="connsiteX473" fmla="*/ 2339091 w 12191941"/>
              <a:gd name="connsiteY473" fmla="*/ 6397010 h 6857967"/>
              <a:gd name="connsiteX474" fmla="*/ 2410390 w 12191941"/>
              <a:gd name="connsiteY474" fmla="*/ 6397010 h 6857967"/>
              <a:gd name="connsiteX475" fmla="*/ 2410390 w 12191941"/>
              <a:gd name="connsiteY475" fmla="*/ 6325709 h 6857967"/>
              <a:gd name="connsiteX476" fmla="*/ 2196420 w 12191941"/>
              <a:gd name="connsiteY476" fmla="*/ 6325709 h 6857967"/>
              <a:gd name="connsiteX477" fmla="*/ 2196420 w 12191941"/>
              <a:gd name="connsiteY477" fmla="*/ 6397010 h 6857967"/>
              <a:gd name="connsiteX478" fmla="*/ 2267720 w 12191941"/>
              <a:gd name="connsiteY478" fmla="*/ 6397010 h 6857967"/>
              <a:gd name="connsiteX479" fmla="*/ 2267720 w 12191941"/>
              <a:gd name="connsiteY479" fmla="*/ 6325709 h 6857967"/>
              <a:gd name="connsiteX480" fmla="*/ 2053813 w 12191941"/>
              <a:gd name="connsiteY480" fmla="*/ 6325709 h 6857967"/>
              <a:gd name="connsiteX481" fmla="*/ 2053813 w 12191941"/>
              <a:gd name="connsiteY481" fmla="*/ 6397010 h 6857967"/>
              <a:gd name="connsiteX482" fmla="*/ 2125117 w 12191941"/>
              <a:gd name="connsiteY482" fmla="*/ 6397010 h 6857967"/>
              <a:gd name="connsiteX483" fmla="*/ 2125117 w 12191941"/>
              <a:gd name="connsiteY483" fmla="*/ 6325709 h 6857967"/>
              <a:gd name="connsiteX484" fmla="*/ 1911141 w 12191941"/>
              <a:gd name="connsiteY484" fmla="*/ 6325709 h 6857967"/>
              <a:gd name="connsiteX485" fmla="*/ 1911141 w 12191941"/>
              <a:gd name="connsiteY485" fmla="*/ 6397010 h 6857967"/>
              <a:gd name="connsiteX486" fmla="*/ 1982442 w 12191941"/>
              <a:gd name="connsiteY486" fmla="*/ 6397010 h 6857967"/>
              <a:gd name="connsiteX487" fmla="*/ 1982442 w 12191941"/>
              <a:gd name="connsiteY487" fmla="*/ 6325709 h 6857967"/>
              <a:gd name="connsiteX488" fmla="*/ 1768470 w 12191941"/>
              <a:gd name="connsiteY488" fmla="*/ 6325709 h 6857967"/>
              <a:gd name="connsiteX489" fmla="*/ 1768470 w 12191941"/>
              <a:gd name="connsiteY489" fmla="*/ 6397010 h 6857967"/>
              <a:gd name="connsiteX490" fmla="*/ 1839771 w 12191941"/>
              <a:gd name="connsiteY490" fmla="*/ 6397010 h 6857967"/>
              <a:gd name="connsiteX491" fmla="*/ 1839771 w 12191941"/>
              <a:gd name="connsiteY491" fmla="*/ 6325709 h 6857967"/>
              <a:gd name="connsiteX492" fmla="*/ 1625870 w 12191941"/>
              <a:gd name="connsiteY492" fmla="*/ 6325709 h 6857967"/>
              <a:gd name="connsiteX493" fmla="*/ 1625870 w 12191941"/>
              <a:gd name="connsiteY493" fmla="*/ 6397010 h 6857967"/>
              <a:gd name="connsiteX494" fmla="*/ 1697170 w 12191941"/>
              <a:gd name="connsiteY494" fmla="*/ 6397010 h 6857967"/>
              <a:gd name="connsiteX495" fmla="*/ 1697170 w 12191941"/>
              <a:gd name="connsiteY495" fmla="*/ 6325709 h 6857967"/>
              <a:gd name="connsiteX496" fmla="*/ 1483199 w 12191941"/>
              <a:gd name="connsiteY496" fmla="*/ 6325709 h 6857967"/>
              <a:gd name="connsiteX497" fmla="*/ 1483199 w 12191941"/>
              <a:gd name="connsiteY497" fmla="*/ 6397010 h 6857967"/>
              <a:gd name="connsiteX498" fmla="*/ 1554500 w 12191941"/>
              <a:gd name="connsiteY498" fmla="*/ 6397010 h 6857967"/>
              <a:gd name="connsiteX499" fmla="*/ 1554500 w 12191941"/>
              <a:gd name="connsiteY499" fmla="*/ 6325709 h 6857967"/>
              <a:gd name="connsiteX500" fmla="*/ 1340599 w 12191941"/>
              <a:gd name="connsiteY500" fmla="*/ 6325709 h 6857967"/>
              <a:gd name="connsiteX501" fmla="*/ 1340599 w 12191941"/>
              <a:gd name="connsiteY501" fmla="*/ 6397010 h 6857967"/>
              <a:gd name="connsiteX502" fmla="*/ 1411899 w 12191941"/>
              <a:gd name="connsiteY502" fmla="*/ 6397010 h 6857967"/>
              <a:gd name="connsiteX503" fmla="*/ 1411899 w 12191941"/>
              <a:gd name="connsiteY503" fmla="*/ 6325709 h 6857967"/>
              <a:gd name="connsiteX504" fmla="*/ 1197929 w 12191941"/>
              <a:gd name="connsiteY504" fmla="*/ 6325709 h 6857967"/>
              <a:gd name="connsiteX505" fmla="*/ 1197929 w 12191941"/>
              <a:gd name="connsiteY505" fmla="*/ 6397010 h 6857967"/>
              <a:gd name="connsiteX506" fmla="*/ 1269230 w 12191941"/>
              <a:gd name="connsiteY506" fmla="*/ 6397010 h 6857967"/>
              <a:gd name="connsiteX507" fmla="*/ 1269230 w 12191941"/>
              <a:gd name="connsiteY507" fmla="*/ 6325709 h 6857967"/>
              <a:gd name="connsiteX508" fmla="*/ 1055311 w 12191941"/>
              <a:gd name="connsiteY508" fmla="*/ 6325709 h 6857967"/>
              <a:gd name="connsiteX509" fmla="*/ 1055311 w 12191941"/>
              <a:gd name="connsiteY509" fmla="*/ 6397010 h 6857967"/>
              <a:gd name="connsiteX510" fmla="*/ 1126612 w 12191941"/>
              <a:gd name="connsiteY510" fmla="*/ 6397010 h 6857967"/>
              <a:gd name="connsiteX511" fmla="*/ 1126612 w 12191941"/>
              <a:gd name="connsiteY511" fmla="*/ 6325709 h 6857967"/>
              <a:gd name="connsiteX512" fmla="*/ 912657 w 12191941"/>
              <a:gd name="connsiteY512" fmla="*/ 6325709 h 6857967"/>
              <a:gd name="connsiteX513" fmla="*/ 912657 w 12191941"/>
              <a:gd name="connsiteY513" fmla="*/ 6397010 h 6857967"/>
              <a:gd name="connsiteX514" fmla="*/ 983958 w 12191941"/>
              <a:gd name="connsiteY514" fmla="*/ 6397010 h 6857967"/>
              <a:gd name="connsiteX515" fmla="*/ 983958 w 12191941"/>
              <a:gd name="connsiteY515" fmla="*/ 6325709 h 6857967"/>
              <a:gd name="connsiteX516" fmla="*/ 771136 w 12191941"/>
              <a:gd name="connsiteY516" fmla="*/ 6325709 h 6857967"/>
              <a:gd name="connsiteX517" fmla="*/ 771136 w 12191941"/>
              <a:gd name="connsiteY517" fmla="*/ 6397010 h 6857967"/>
              <a:gd name="connsiteX518" fmla="*/ 842437 w 12191941"/>
              <a:gd name="connsiteY518" fmla="*/ 6397010 h 6857967"/>
              <a:gd name="connsiteX519" fmla="*/ 842437 w 12191941"/>
              <a:gd name="connsiteY519" fmla="*/ 6325709 h 6857967"/>
              <a:gd name="connsiteX520" fmla="*/ 628534 w 12191941"/>
              <a:gd name="connsiteY520" fmla="*/ 6325709 h 6857967"/>
              <a:gd name="connsiteX521" fmla="*/ 628534 w 12191941"/>
              <a:gd name="connsiteY521" fmla="*/ 6397010 h 6857967"/>
              <a:gd name="connsiteX522" fmla="*/ 699835 w 12191941"/>
              <a:gd name="connsiteY522" fmla="*/ 6397010 h 6857967"/>
              <a:gd name="connsiteX523" fmla="*/ 699835 w 12191941"/>
              <a:gd name="connsiteY523" fmla="*/ 6325709 h 6857967"/>
              <a:gd name="connsiteX524" fmla="*/ 485863 w 12191941"/>
              <a:gd name="connsiteY524" fmla="*/ 6325709 h 6857967"/>
              <a:gd name="connsiteX525" fmla="*/ 485863 w 12191941"/>
              <a:gd name="connsiteY525" fmla="*/ 6397010 h 6857967"/>
              <a:gd name="connsiteX526" fmla="*/ 557163 w 12191941"/>
              <a:gd name="connsiteY526" fmla="*/ 6397010 h 6857967"/>
              <a:gd name="connsiteX527" fmla="*/ 557163 w 12191941"/>
              <a:gd name="connsiteY527" fmla="*/ 6325709 h 6857967"/>
              <a:gd name="connsiteX528" fmla="*/ 343191 w 12191941"/>
              <a:gd name="connsiteY528" fmla="*/ 6325709 h 6857967"/>
              <a:gd name="connsiteX529" fmla="*/ 343191 w 12191941"/>
              <a:gd name="connsiteY529" fmla="*/ 6397010 h 6857967"/>
              <a:gd name="connsiteX530" fmla="*/ 414492 w 12191941"/>
              <a:gd name="connsiteY530" fmla="*/ 6397010 h 6857967"/>
              <a:gd name="connsiteX531" fmla="*/ 414492 w 12191941"/>
              <a:gd name="connsiteY531" fmla="*/ 6325709 h 6857967"/>
              <a:gd name="connsiteX532" fmla="*/ 200590 w 12191941"/>
              <a:gd name="connsiteY532" fmla="*/ 6325709 h 6857967"/>
              <a:gd name="connsiteX533" fmla="*/ 200590 w 12191941"/>
              <a:gd name="connsiteY533" fmla="*/ 6397010 h 6857967"/>
              <a:gd name="connsiteX534" fmla="*/ 271891 w 12191941"/>
              <a:gd name="connsiteY534" fmla="*/ 6397010 h 6857967"/>
              <a:gd name="connsiteX535" fmla="*/ 271891 w 12191941"/>
              <a:gd name="connsiteY535" fmla="*/ 6325709 h 6857967"/>
              <a:gd name="connsiteX536" fmla="*/ 57918 w 12191941"/>
              <a:gd name="connsiteY536" fmla="*/ 6325709 h 6857967"/>
              <a:gd name="connsiteX537" fmla="*/ 57918 w 12191941"/>
              <a:gd name="connsiteY537" fmla="*/ 6397010 h 6857967"/>
              <a:gd name="connsiteX538" fmla="*/ 129219 w 12191941"/>
              <a:gd name="connsiteY538" fmla="*/ 6397010 h 6857967"/>
              <a:gd name="connsiteX539" fmla="*/ 129219 w 12191941"/>
              <a:gd name="connsiteY539" fmla="*/ 6325709 h 6857967"/>
              <a:gd name="connsiteX540" fmla="*/ 9755391 w 12191941"/>
              <a:gd name="connsiteY540" fmla="*/ 6183107 h 6857967"/>
              <a:gd name="connsiteX541" fmla="*/ 9755391 w 12191941"/>
              <a:gd name="connsiteY541" fmla="*/ 6254408 h 6857967"/>
              <a:gd name="connsiteX542" fmla="*/ 9826692 w 12191941"/>
              <a:gd name="connsiteY542" fmla="*/ 6254408 h 6857967"/>
              <a:gd name="connsiteX543" fmla="*/ 9826692 w 12191941"/>
              <a:gd name="connsiteY543" fmla="*/ 6183107 h 6857967"/>
              <a:gd name="connsiteX544" fmla="*/ 9612718 w 12191941"/>
              <a:gd name="connsiteY544" fmla="*/ 6183107 h 6857967"/>
              <a:gd name="connsiteX545" fmla="*/ 9612718 w 12191941"/>
              <a:gd name="connsiteY545" fmla="*/ 6254408 h 6857967"/>
              <a:gd name="connsiteX546" fmla="*/ 9684019 w 12191941"/>
              <a:gd name="connsiteY546" fmla="*/ 6254408 h 6857967"/>
              <a:gd name="connsiteX547" fmla="*/ 9684019 w 12191941"/>
              <a:gd name="connsiteY547" fmla="*/ 6183107 h 6857967"/>
              <a:gd name="connsiteX548" fmla="*/ 9470117 w 12191941"/>
              <a:gd name="connsiteY548" fmla="*/ 6183107 h 6857967"/>
              <a:gd name="connsiteX549" fmla="*/ 9470117 w 12191941"/>
              <a:gd name="connsiteY549" fmla="*/ 6254408 h 6857967"/>
              <a:gd name="connsiteX550" fmla="*/ 9541417 w 12191941"/>
              <a:gd name="connsiteY550" fmla="*/ 6254408 h 6857967"/>
              <a:gd name="connsiteX551" fmla="*/ 9541417 w 12191941"/>
              <a:gd name="connsiteY551" fmla="*/ 6183107 h 6857967"/>
              <a:gd name="connsiteX552" fmla="*/ 9327444 w 12191941"/>
              <a:gd name="connsiteY552" fmla="*/ 6183107 h 6857967"/>
              <a:gd name="connsiteX553" fmla="*/ 9327444 w 12191941"/>
              <a:gd name="connsiteY553" fmla="*/ 6254408 h 6857967"/>
              <a:gd name="connsiteX554" fmla="*/ 9398745 w 12191941"/>
              <a:gd name="connsiteY554" fmla="*/ 6254408 h 6857967"/>
              <a:gd name="connsiteX555" fmla="*/ 9398745 w 12191941"/>
              <a:gd name="connsiteY555" fmla="*/ 6183107 h 6857967"/>
              <a:gd name="connsiteX556" fmla="*/ 9184842 w 12191941"/>
              <a:gd name="connsiteY556" fmla="*/ 6183107 h 6857967"/>
              <a:gd name="connsiteX557" fmla="*/ 9184842 w 12191941"/>
              <a:gd name="connsiteY557" fmla="*/ 6254408 h 6857967"/>
              <a:gd name="connsiteX558" fmla="*/ 9256143 w 12191941"/>
              <a:gd name="connsiteY558" fmla="*/ 6254408 h 6857967"/>
              <a:gd name="connsiteX559" fmla="*/ 9256143 w 12191941"/>
              <a:gd name="connsiteY559" fmla="*/ 6183107 h 6857967"/>
              <a:gd name="connsiteX560" fmla="*/ 9042170 w 12191941"/>
              <a:gd name="connsiteY560" fmla="*/ 6183107 h 6857967"/>
              <a:gd name="connsiteX561" fmla="*/ 9042170 w 12191941"/>
              <a:gd name="connsiteY561" fmla="*/ 6254408 h 6857967"/>
              <a:gd name="connsiteX562" fmla="*/ 9113471 w 12191941"/>
              <a:gd name="connsiteY562" fmla="*/ 6254408 h 6857967"/>
              <a:gd name="connsiteX563" fmla="*/ 9113471 w 12191941"/>
              <a:gd name="connsiteY563" fmla="*/ 6183107 h 6857967"/>
              <a:gd name="connsiteX564" fmla="*/ 8899568 w 12191941"/>
              <a:gd name="connsiteY564" fmla="*/ 6183107 h 6857967"/>
              <a:gd name="connsiteX565" fmla="*/ 8899568 w 12191941"/>
              <a:gd name="connsiteY565" fmla="*/ 6254408 h 6857967"/>
              <a:gd name="connsiteX566" fmla="*/ 8970869 w 12191941"/>
              <a:gd name="connsiteY566" fmla="*/ 6254408 h 6857967"/>
              <a:gd name="connsiteX567" fmla="*/ 8970869 w 12191941"/>
              <a:gd name="connsiteY567" fmla="*/ 6183107 h 6857967"/>
              <a:gd name="connsiteX568" fmla="*/ 8756896 w 12191941"/>
              <a:gd name="connsiteY568" fmla="*/ 6183107 h 6857967"/>
              <a:gd name="connsiteX569" fmla="*/ 8756896 w 12191941"/>
              <a:gd name="connsiteY569" fmla="*/ 6254408 h 6857967"/>
              <a:gd name="connsiteX570" fmla="*/ 8828196 w 12191941"/>
              <a:gd name="connsiteY570" fmla="*/ 6254408 h 6857967"/>
              <a:gd name="connsiteX571" fmla="*/ 8828196 w 12191941"/>
              <a:gd name="connsiteY571" fmla="*/ 6183107 h 6857967"/>
              <a:gd name="connsiteX572" fmla="*/ 8614223 w 12191941"/>
              <a:gd name="connsiteY572" fmla="*/ 6183107 h 6857967"/>
              <a:gd name="connsiteX573" fmla="*/ 8614223 w 12191941"/>
              <a:gd name="connsiteY573" fmla="*/ 6254408 h 6857967"/>
              <a:gd name="connsiteX574" fmla="*/ 8685524 w 12191941"/>
              <a:gd name="connsiteY574" fmla="*/ 6254408 h 6857967"/>
              <a:gd name="connsiteX575" fmla="*/ 8685524 w 12191941"/>
              <a:gd name="connsiteY575" fmla="*/ 6183107 h 6857967"/>
              <a:gd name="connsiteX576" fmla="*/ 8471622 w 12191941"/>
              <a:gd name="connsiteY576" fmla="*/ 6183107 h 6857967"/>
              <a:gd name="connsiteX577" fmla="*/ 8471622 w 12191941"/>
              <a:gd name="connsiteY577" fmla="*/ 6254408 h 6857967"/>
              <a:gd name="connsiteX578" fmla="*/ 8542923 w 12191941"/>
              <a:gd name="connsiteY578" fmla="*/ 6254408 h 6857967"/>
              <a:gd name="connsiteX579" fmla="*/ 8542923 w 12191941"/>
              <a:gd name="connsiteY579" fmla="*/ 6183107 h 6857967"/>
              <a:gd name="connsiteX580" fmla="*/ 8328949 w 12191941"/>
              <a:gd name="connsiteY580" fmla="*/ 6183107 h 6857967"/>
              <a:gd name="connsiteX581" fmla="*/ 8328949 w 12191941"/>
              <a:gd name="connsiteY581" fmla="*/ 6254408 h 6857967"/>
              <a:gd name="connsiteX582" fmla="*/ 8400250 w 12191941"/>
              <a:gd name="connsiteY582" fmla="*/ 6254408 h 6857967"/>
              <a:gd name="connsiteX583" fmla="*/ 8400250 w 12191941"/>
              <a:gd name="connsiteY583" fmla="*/ 6183107 h 6857967"/>
              <a:gd name="connsiteX584" fmla="*/ 8186348 w 12191941"/>
              <a:gd name="connsiteY584" fmla="*/ 6183107 h 6857967"/>
              <a:gd name="connsiteX585" fmla="*/ 8186348 w 12191941"/>
              <a:gd name="connsiteY585" fmla="*/ 6254408 h 6857967"/>
              <a:gd name="connsiteX586" fmla="*/ 8257649 w 12191941"/>
              <a:gd name="connsiteY586" fmla="*/ 6254408 h 6857967"/>
              <a:gd name="connsiteX587" fmla="*/ 8257649 w 12191941"/>
              <a:gd name="connsiteY587" fmla="*/ 6183107 h 6857967"/>
              <a:gd name="connsiteX588" fmla="*/ 8043675 w 12191941"/>
              <a:gd name="connsiteY588" fmla="*/ 6183107 h 6857967"/>
              <a:gd name="connsiteX589" fmla="*/ 8043675 w 12191941"/>
              <a:gd name="connsiteY589" fmla="*/ 6254408 h 6857967"/>
              <a:gd name="connsiteX590" fmla="*/ 8114976 w 12191941"/>
              <a:gd name="connsiteY590" fmla="*/ 6254408 h 6857967"/>
              <a:gd name="connsiteX591" fmla="*/ 8114976 w 12191941"/>
              <a:gd name="connsiteY591" fmla="*/ 6183107 h 6857967"/>
              <a:gd name="connsiteX592" fmla="*/ 7901003 w 12191941"/>
              <a:gd name="connsiteY592" fmla="*/ 6183107 h 6857967"/>
              <a:gd name="connsiteX593" fmla="*/ 7901003 w 12191941"/>
              <a:gd name="connsiteY593" fmla="*/ 6254408 h 6857967"/>
              <a:gd name="connsiteX594" fmla="*/ 7972304 w 12191941"/>
              <a:gd name="connsiteY594" fmla="*/ 6254408 h 6857967"/>
              <a:gd name="connsiteX595" fmla="*/ 7972304 w 12191941"/>
              <a:gd name="connsiteY595" fmla="*/ 6183107 h 6857967"/>
              <a:gd name="connsiteX596" fmla="*/ 7758401 w 12191941"/>
              <a:gd name="connsiteY596" fmla="*/ 6183107 h 6857967"/>
              <a:gd name="connsiteX597" fmla="*/ 7758401 w 12191941"/>
              <a:gd name="connsiteY597" fmla="*/ 6254408 h 6857967"/>
              <a:gd name="connsiteX598" fmla="*/ 7829702 w 12191941"/>
              <a:gd name="connsiteY598" fmla="*/ 6254408 h 6857967"/>
              <a:gd name="connsiteX599" fmla="*/ 7829702 w 12191941"/>
              <a:gd name="connsiteY599" fmla="*/ 6183107 h 6857967"/>
              <a:gd name="connsiteX600" fmla="*/ 7615728 w 12191941"/>
              <a:gd name="connsiteY600" fmla="*/ 6183107 h 6857967"/>
              <a:gd name="connsiteX601" fmla="*/ 7615728 w 12191941"/>
              <a:gd name="connsiteY601" fmla="*/ 6254408 h 6857967"/>
              <a:gd name="connsiteX602" fmla="*/ 7687029 w 12191941"/>
              <a:gd name="connsiteY602" fmla="*/ 6254408 h 6857967"/>
              <a:gd name="connsiteX603" fmla="*/ 7687029 w 12191941"/>
              <a:gd name="connsiteY603" fmla="*/ 6183107 h 6857967"/>
              <a:gd name="connsiteX604" fmla="*/ 7473127 w 12191941"/>
              <a:gd name="connsiteY604" fmla="*/ 6183107 h 6857967"/>
              <a:gd name="connsiteX605" fmla="*/ 7473127 w 12191941"/>
              <a:gd name="connsiteY605" fmla="*/ 6254408 h 6857967"/>
              <a:gd name="connsiteX606" fmla="*/ 7544428 w 12191941"/>
              <a:gd name="connsiteY606" fmla="*/ 6254408 h 6857967"/>
              <a:gd name="connsiteX607" fmla="*/ 7544428 w 12191941"/>
              <a:gd name="connsiteY607" fmla="*/ 6183107 h 6857967"/>
              <a:gd name="connsiteX608" fmla="*/ 7330454 w 12191941"/>
              <a:gd name="connsiteY608" fmla="*/ 6183107 h 6857967"/>
              <a:gd name="connsiteX609" fmla="*/ 7330454 w 12191941"/>
              <a:gd name="connsiteY609" fmla="*/ 6254408 h 6857967"/>
              <a:gd name="connsiteX610" fmla="*/ 7401755 w 12191941"/>
              <a:gd name="connsiteY610" fmla="*/ 6254408 h 6857967"/>
              <a:gd name="connsiteX611" fmla="*/ 7401755 w 12191941"/>
              <a:gd name="connsiteY611" fmla="*/ 6183107 h 6857967"/>
              <a:gd name="connsiteX612" fmla="*/ 7187853 w 12191941"/>
              <a:gd name="connsiteY612" fmla="*/ 6183107 h 6857967"/>
              <a:gd name="connsiteX613" fmla="*/ 7187853 w 12191941"/>
              <a:gd name="connsiteY613" fmla="*/ 6254408 h 6857967"/>
              <a:gd name="connsiteX614" fmla="*/ 7259154 w 12191941"/>
              <a:gd name="connsiteY614" fmla="*/ 6254408 h 6857967"/>
              <a:gd name="connsiteX615" fmla="*/ 7259154 w 12191941"/>
              <a:gd name="connsiteY615" fmla="*/ 6183107 h 6857967"/>
              <a:gd name="connsiteX616" fmla="*/ 7045180 w 12191941"/>
              <a:gd name="connsiteY616" fmla="*/ 6183107 h 6857967"/>
              <a:gd name="connsiteX617" fmla="*/ 7045180 w 12191941"/>
              <a:gd name="connsiteY617" fmla="*/ 6254408 h 6857967"/>
              <a:gd name="connsiteX618" fmla="*/ 7116481 w 12191941"/>
              <a:gd name="connsiteY618" fmla="*/ 6254408 h 6857967"/>
              <a:gd name="connsiteX619" fmla="*/ 7116481 w 12191941"/>
              <a:gd name="connsiteY619" fmla="*/ 6183107 h 6857967"/>
              <a:gd name="connsiteX620" fmla="*/ 6902579 w 12191941"/>
              <a:gd name="connsiteY620" fmla="*/ 6183107 h 6857967"/>
              <a:gd name="connsiteX621" fmla="*/ 6902579 w 12191941"/>
              <a:gd name="connsiteY621" fmla="*/ 6254408 h 6857967"/>
              <a:gd name="connsiteX622" fmla="*/ 6973880 w 12191941"/>
              <a:gd name="connsiteY622" fmla="*/ 6254408 h 6857967"/>
              <a:gd name="connsiteX623" fmla="*/ 6973880 w 12191941"/>
              <a:gd name="connsiteY623" fmla="*/ 6183107 h 6857967"/>
              <a:gd name="connsiteX624" fmla="*/ 6759906 w 12191941"/>
              <a:gd name="connsiteY624" fmla="*/ 6183107 h 6857967"/>
              <a:gd name="connsiteX625" fmla="*/ 6759906 w 12191941"/>
              <a:gd name="connsiteY625" fmla="*/ 6254408 h 6857967"/>
              <a:gd name="connsiteX626" fmla="*/ 6831207 w 12191941"/>
              <a:gd name="connsiteY626" fmla="*/ 6254408 h 6857967"/>
              <a:gd name="connsiteX627" fmla="*/ 6831207 w 12191941"/>
              <a:gd name="connsiteY627" fmla="*/ 6183107 h 6857967"/>
              <a:gd name="connsiteX628" fmla="*/ 6617234 w 12191941"/>
              <a:gd name="connsiteY628" fmla="*/ 6183107 h 6857967"/>
              <a:gd name="connsiteX629" fmla="*/ 6617234 w 12191941"/>
              <a:gd name="connsiteY629" fmla="*/ 6254408 h 6857967"/>
              <a:gd name="connsiteX630" fmla="*/ 6688535 w 12191941"/>
              <a:gd name="connsiteY630" fmla="*/ 6254408 h 6857967"/>
              <a:gd name="connsiteX631" fmla="*/ 6688535 w 12191941"/>
              <a:gd name="connsiteY631" fmla="*/ 6183107 h 6857967"/>
              <a:gd name="connsiteX632" fmla="*/ 6474632 w 12191941"/>
              <a:gd name="connsiteY632" fmla="*/ 6183107 h 6857967"/>
              <a:gd name="connsiteX633" fmla="*/ 6474632 w 12191941"/>
              <a:gd name="connsiteY633" fmla="*/ 6254408 h 6857967"/>
              <a:gd name="connsiteX634" fmla="*/ 6545933 w 12191941"/>
              <a:gd name="connsiteY634" fmla="*/ 6254408 h 6857967"/>
              <a:gd name="connsiteX635" fmla="*/ 6545933 w 12191941"/>
              <a:gd name="connsiteY635" fmla="*/ 6183107 h 6857967"/>
              <a:gd name="connsiteX636" fmla="*/ 6331959 w 12191941"/>
              <a:gd name="connsiteY636" fmla="*/ 6183107 h 6857967"/>
              <a:gd name="connsiteX637" fmla="*/ 6331959 w 12191941"/>
              <a:gd name="connsiteY637" fmla="*/ 6254408 h 6857967"/>
              <a:gd name="connsiteX638" fmla="*/ 6403260 w 12191941"/>
              <a:gd name="connsiteY638" fmla="*/ 6254408 h 6857967"/>
              <a:gd name="connsiteX639" fmla="*/ 6403260 w 12191941"/>
              <a:gd name="connsiteY639" fmla="*/ 6183107 h 6857967"/>
              <a:gd name="connsiteX640" fmla="*/ 6189358 w 12191941"/>
              <a:gd name="connsiteY640" fmla="*/ 6183107 h 6857967"/>
              <a:gd name="connsiteX641" fmla="*/ 6189358 w 12191941"/>
              <a:gd name="connsiteY641" fmla="*/ 6254408 h 6857967"/>
              <a:gd name="connsiteX642" fmla="*/ 6260659 w 12191941"/>
              <a:gd name="connsiteY642" fmla="*/ 6254408 h 6857967"/>
              <a:gd name="connsiteX643" fmla="*/ 6260659 w 12191941"/>
              <a:gd name="connsiteY643" fmla="*/ 6183107 h 6857967"/>
              <a:gd name="connsiteX644" fmla="*/ 6046689 w 12191941"/>
              <a:gd name="connsiteY644" fmla="*/ 6183107 h 6857967"/>
              <a:gd name="connsiteX645" fmla="*/ 6046689 w 12191941"/>
              <a:gd name="connsiteY645" fmla="*/ 6254408 h 6857967"/>
              <a:gd name="connsiteX646" fmla="*/ 6117986 w 12191941"/>
              <a:gd name="connsiteY646" fmla="*/ 6254408 h 6857967"/>
              <a:gd name="connsiteX647" fmla="*/ 6117986 w 12191941"/>
              <a:gd name="connsiteY647" fmla="*/ 6183107 h 6857967"/>
              <a:gd name="connsiteX648" fmla="*/ 5904022 w 12191941"/>
              <a:gd name="connsiteY648" fmla="*/ 6183107 h 6857967"/>
              <a:gd name="connsiteX649" fmla="*/ 5904022 w 12191941"/>
              <a:gd name="connsiteY649" fmla="*/ 6254408 h 6857967"/>
              <a:gd name="connsiteX650" fmla="*/ 5975319 w 12191941"/>
              <a:gd name="connsiteY650" fmla="*/ 6254408 h 6857967"/>
              <a:gd name="connsiteX651" fmla="*/ 5975319 w 12191941"/>
              <a:gd name="connsiteY651" fmla="*/ 6183107 h 6857967"/>
              <a:gd name="connsiteX652" fmla="*/ 5761426 w 12191941"/>
              <a:gd name="connsiteY652" fmla="*/ 6183107 h 6857967"/>
              <a:gd name="connsiteX653" fmla="*/ 5761426 w 12191941"/>
              <a:gd name="connsiteY653" fmla="*/ 6254408 h 6857967"/>
              <a:gd name="connsiteX654" fmla="*/ 5832724 w 12191941"/>
              <a:gd name="connsiteY654" fmla="*/ 6254408 h 6857967"/>
              <a:gd name="connsiteX655" fmla="*/ 5832724 w 12191941"/>
              <a:gd name="connsiteY655" fmla="*/ 6183107 h 6857967"/>
              <a:gd name="connsiteX656" fmla="*/ 5618761 w 12191941"/>
              <a:gd name="connsiteY656" fmla="*/ 6183107 h 6857967"/>
              <a:gd name="connsiteX657" fmla="*/ 5618761 w 12191941"/>
              <a:gd name="connsiteY657" fmla="*/ 6254408 h 6857967"/>
              <a:gd name="connsiteX658" fmla="*/ 5690059 w 12191941"/>
              <a:gd name="connsiteY658" fmla="*/ 6254408 h 6857967"/>
              <a:gd name="connsiteX659" fmla="*/ 5690059 w 12191941"/>
              <a:gd name="connsiteY659" fmla="*/ 6183107 h 6857967"/>
              <a:gd name="connsiteX660" fmla="*/ 5476167 w 12191941"/>
              <a:gd name="connsiteY660" fmla="*/ 6183107 h 6857967"/>
              <a:gd name="connsiteX661" fmla="*/ 5476167 w 12191941"/>
              <a:gd name="connsiteY661" fmla="*/ 6254408 h 6857967"/>
              <a:gd name="connsiteX662" fmla="*/ 5547465 w 12191941"/>
              <a:gd name="connsiteY662" fmla="*/ 6254408 h 6857967"/>
              <a:gd name="connsiteX663" fmla="*/ 5547465 w 12191941"/>
              <a:gd name="connsiteY663" fmla="*/ 6183107 h 6857967"/>
              <a:gd name="connsiteX664" fmla="*/ 5333502 w 12191941"/>
              <a:gd name="connsiteY664" fmla="*/ 6183107 h 6857967"/>
              <a:gd name="connsiteX665" fmla="*/ 5333502 w 12191941"/>
              <a:gd name="connsiteY665" fmla="*/ 6254408 h 6857967"/>
              <a:gd name="connsiteX666" fmla="*/ 5404799 w 12191941"/>
              <a:gd name="connsiteY666" fmla="*/ 6254408 h 6857967"/>
              <a:gd name="connsiteX667" fmla="*/ 5404799 w 12191941"/>
              <a:gd name="connsiteY667" fmla="*/ 6183107 h 6857967"/>
              <a:gd name="connsiteX668" fmla="*/ 5190877 w 12191941"/>
              <a:gd name="connsiteY668" fmla="*/ 6183107 h 6857967"/>
              <a:gd name="connsiteX669" fmla="*/ 5190877 w 12191941"/>
              <a:gd name="connsiteY669" fmla="*/ 6254408 h 6857967"/>
              <a:gd name="connsiteX670" fmla="*/ 5262188 w 12191941"/>
              <a:gd name="connsiteY670" fmla="*/ 6254408 h 6857967"/>
              <a:gd name="connsiteX671" fmla="*/ 5262188 w 12191941"/>
              <a:gd name="connsiteY671" fmla="*/ 6183107 h 6857967"/>
              <a:gd name="connsiteX672" fmla="*/ 5048236 w 12191941"/>
              <a:gd name="connsiteY672" fmla="*/ 6183107 h 6857967"/>
              <a:gd name="connsiteX673" fmla="*/ 5048236 w 12191941"/>
              <a:gd name="connsiteY673" fmla="*/ 6254408 h 6857967"/>
              <a:gd name="connsiteX674" fmla="*/ 5119527 w 12191941"/>
              <a:gd name="connsiteY674" fmla="*/ 6254408 h 6857967"/>
              <a:gd name="connsiteX675" fmla="*/ 5119527 w 12191941"/>
              <a:gd name="connsiteY675" fmla="*/ 6183107 h 6857967"/>
              <a:gd name="connsiteX676" fmla="*/ 4906607 w 12191941"/>
              <a:gd name="connsiteY676" fmla="*/ 6183107 h 6857967"/>
              <a:gd name="connsiteX677" fmla="*/ 4906607 w 12191941"/>
              <a:gd name="connsiteY677" fmla="*/ 6254408 h 6857967"/>
              <a:gd name="connsiteX678" fmla="*/ 4977916 w 12191941"/>
              <a:gd name="connsiteY678" fmla="*/ 6254408 h 6857967"/>
              <a:gd name="connsiteX679" fmla="*/ 4977916 w 12191941"/>
              <a:gd name="connsiteY679" fmla="*/ 6183107 h 6857967"/>
              <a:gd name="connsiteX680" fmla="*/ 4764013 w 12191941"/>
              <a:gd name="connsiteY680" fmla="*/ 6183107 h 6857967"/>
              <a:gd name="connsiteX681" fmla="*/ 4764013 w 12191941"/>
              <a:gd name="connsiteY681" fmla="*/ 6254408 h 6857967"/>
              <a:gd name="connsiteX682" fmla="*/ 4835311 w 12191941"/>
              <a:gd name="connsiteY682" fmla="*/ 6254408 h 6857967"/>
              <a:gd name="connsiteX683" fmla="*/ 4835311 w 12191941"/>
              <a:gd name="connsiteY683" fmla="*/ 6183107 h 6857967"/>
              <a:gd name="connsiteX684" fmla="*/ 4621341 w 12191941"/>
              <a:gd name="connsiteY684" fmla="*/ 6183107 h 6857967"/>
              <a:gd name="connsiteX685" fmla="*/ 4621341 w 12191941"/>
              <a:gd name="connsiteY685" fmla="*/ 6254408 h 6857967"/>
              <a:gd name="connsiteX686" fmla="*/ 4692639 w 12191941"/>
              <a:gd name="connsiteY686" fmla="*/ 6254408 h 6857967"/>
              <a:gd name="connsiteX687" fmla="*/ 4692639 w 12191941"/>
              <a:gd name="connsiteY687" fmla="*/ 6183107 h 6857967"/>
              <a:gd name="connsiteX688" fmla="*/ 4478666 w 12191941"/>
              <a:gd name="connsiteY688" fmla="*/ 6183107 h 6857967"/>
              <a:gd name="connsiteX689" fmla="*/ 4478666 w 12191941"/>
              <a:gd name="connsiteY689" fmla="*/ 6254408 h 6857967"/>
              <a:gd name="connsiteX690" fmla="*/ 4549969 w 12191941"/>
              <a:gd name="connsiteY690" fmla="*/ 6254408 h 6857967"/>
              <a:gd name="connsiteX691" fmla="*/ 4549969 w 12191941"/>
              <a:gd name="connsiteY691" fmla="*/ 6183107 h 6857967"/>
              <a:gd name="connsiteX692" fmla="*/ 4336067 w 12191941"/>
              <a:gd name="connsiteY692" fmla="*/ 6183107 h 6857967"/>
              <a:gd name="connsiteX693" fmla="*/ 4336067 w 12191941"/>
              <a:gd name="connsiteY693" fmla="*/ 6254408 h 6857967"/>
              <a:gd name="connsiteX694" fmla="*/ 4407366 w 12191941"/>
              <a:gd name="connsiteY694" fmla="*/ 6254408 h 6857967"/>
              <a:gd name="connsiteX695" fmla="*/ 4407366 w 12191941"/>
              <a:gd name="connsiteY695" fmla="*/ 6183107 h 6857967"/>
              <a:gd name="connsiteX696" fmla="*/ 4193413 w 12191941"/>
              <a:gd name="connsiteY696" fmla="*/ 6183107 h 6857967"/>
              <a:gd name="connsiteX697" fmla="*/ 4193413 w 12191941"/>
              <a:gd name="connsiteY697" fmla="*/ 6254408 h 6857967"/>
              <a:gd name="connsiteX698" fmla="*/ 4264695 w 12191941"/>
              <a:gd name="connsiteY698" fmla="*/ 6254408 h 6857967"/>
              <a:gd name="connsiteX699" fmla="*/ 4264695 w 12191941"/>
              <a:gd name="connsiteY699" fmla="*/ 6183107 h 6857967"/>
              <a:gd name="connsiteX700" fmla="*/ 4050810 w 12191941"/>
              <a:gd name="connsiteY700" fmla="*/ 6183107 h 6857967"/>
              <a:gd name="connsiteX701" fmla="*/ 4050810 w 12191941"/>
              <a:gd name="connsiteY701" fmla="*/ 6254408 h 6857967"/>
              <a:gd name="connsiteX702" fmla="*/ 4122113 w 12191941"/>
              <a:gd name="connsiteY702" fmla="*/ 6254408 h 6857967"/>
              <a:gd name="connsiteX703" fmla="*/ 4122113 w 12191941"/>
              <a:gd name="connsiteY703" fmla="*/ 6183107 h 6857967"/>
              <a:gd name="connsiteX704" fmla="*/ 3908136 w 12191941"/>
              <a:gd name="connsiteY704" fmla="*/ 6183107 h 6857967"/>
              <a:gd name="connsiteX705" fmla="*/ 3908136 w 12191941"/>
              <a:gd name="connsiteY705" fmla="*/ 6254408 h 6857967"/>
              <a:gd name="connsiteX706" fmla="*/ 3979438 w 12191941"/>
              <a:gd name="connsiteY706" fmla="*/ 6254408 h 6857967"/>
              <a:gd name="connsiteX707" fmla="*/ 3979438 w 12191941"/>
              <a:gd name="connsiteY707" fmla="*/ 6183107 h 6857967"/>
              <a:gd name="connsiteX708" fmla="*/ 3765462 w 12191941"/>
              <a:gd name="connsiteY708" fmla="*/ 6183107 h 6857967"/>
              <a:gd name="connsiteX709" fmla="*/ 3765462 w 12191941"/>
              <a:gd name="connsiteY709" fmla="*/ 6254408 h 6857967"/>
              <a:gd name="connsiteX710" fmla="*/ 3836763 w 12191941"/>
              <a:gd name="connsiteY710" fmla="*/ 6254408 h 6857967"/>
              <a:gd name="connsiteX711" fmla="*/ 3836763 w 12191941"/>
              <a:gd name="connsiteY711" fmla="*/ 6183107 h 6857967"/>
              <a:gd name="connsiteX712" fmla="*/ 3622851 w 12191941"/>
              <a:gd name="connsiteY712" fmla="*/ 6183107 h 6857967"/>
              <a:gd name="connsiteX713" fmla="*/ 3622851 w 12191941"/>
              <a:gd name="connsiteY713" fmla="*/ 6254408 h 6857967"/>
              <a:gd name="connsiteX714" fmla="*/ 3694151 w 12191941"/>
              <a:gd name="connsiteY714" fmla="*/ 6254408 h 6857967"/>
              <a:gd name="connsiteX715" fmla="*/ 3694151 w 12191941"/>
              <a:gd name="connsiteY715" fmla="*/ 6183107 h 6857967"/>
              <a:gd name="connsiteX716" fmla="*/ 3480203 w 12191941"/>
              <a:gd name="connsiteY716" fmla="*/ 6183107 h 6857967"/>
              <a:gd name="connsiteX717" fmla="*/ 3480203 w 12191941"/>
              <a:gd name="connsiteY717" fmla="*/ 6254408 h 6857967"/>
              <a:gd name="connsiteX718" fmla="*/ 3551509 w 12191941"/>
              <a:gd name="connsiteY718" fmla="*/ 6254408 h 6857967"/>
              <a:gd name="connsiteX719" fmla="*/ 3551509 w 12191941"/>
              <a:gd name="connsiteY719" fmla="*/ 6183107 h 6857967"/>
              <a:gd name="connsiteX720" fmla="*/ 3337580 w 12191941"/>
              <a:gd name="connsiteY720" fmla="*/ 6183107 h 6857967"/>
              <a:gd name="connsiteX721" fmla="*/ 3337580 w 12191941"/>
              <a:gd name="connsiteY721" fmla="*/ 6254408 h 6857967"/>
              <a:gd name="connsiteX722" fmla="*/ 3408881 w 12191941"/>
              <a:gd name="connsiteY722" fmla="*/ 6254408 h 6857967"/>
              <a:gd name="connsiteX723" fmla="*/ 3408881 w 12191941"/>
              <a:gd name="connsiteY723" fmla="*/ 6183107 h 6857967"/>
              <a:gd name="connsiteX724" fmla="*/ 3194906 w 12191941"/>
              <a:gd name="connsiteY724" fmla="*/ 6183107 h 6857967"/>
              <a:gd name="connsiteX725" fmla="*/ 3194906 w 12191941"/>
              <a:gd name="connsiteY725" fmla="*/ 6254408 h 6857967"/>
              <a:gd name="connsiteX726" fmla="*/ 3266208 w 12191941"/>
              <a:gd name="connsiteY726" fmla="*/ 6254408 h 6857967"/>
              <a:gd name="connsiteX727" fmla="*/ 3266208 w 12191941"/>
              <a:gd name="connsiteY727" fmla="*/ 6183107 h 6857967"/>
              <a:gd name="connsiteX728" fmla="*/ 3052305 w 12191941"/>
              <a:gd name="connsiteY728" fmla="*/ 6183107 h 6857967"/>
              <a:gd name="connsiteX729" fmla="*/ 3052305 w 12191941"/>
              <a:gd name="connsiteY729" fmla="*/ 6254408 h 6857967"/>
              <a:gd name="connsiteX730" fmla="*/ 3123607 w 12191941"/>
              <a:gd name="connsiteY730" fmla="*/ 6254408 h 6857967"/>
              <a:gd name="connsiteX731" fmla="*/ 3123607 w 12191941"/>
              <a:gd name="connsiteY731" fmla="*/ 6183107 h 6857967"/>
              <a:gd name="connsiteX732" fmla="*/ 2909634 w 12191941"/>
              <a:gd name="connsiteY732" fmla="*/ 6183107 h 6857967"/>
              <a:gd name="connsiteX733" fmla="*/ 2909634 w 12191941"/>
              <a:gd name="connsiteY733" fmla="*/ 6254408 h 6857967"/>
              <a:gd name="connsiteX734" fmla="*/ 2980934 w 12191941"/>
              <a:gd name="connsiteY734" fmla="*/ 6254408 h 6857967"/>
              <a:gd name="connsiteX735" fmla="*/ 2980934 w 12191941"/>
              <a:gd name="connsiteY735" fmla="*/ 6183107 h 6857967"/>
              <a:gd name="connsiteX736" fmla="*/ 2767033 w 12191941"/>
              <a:gd name="connsiteY736" fmla="*/ 6183107 h 6857967"/>
              <a:gd name="connsiteX737" fmla="*/ 2767033 w 12191941"/>
              <a:gd name="connsiteY737" fmla="*/ 6254408 h 6857967"/>
              <a:gd name="connsiteX738" fmla="*/ 2838334 w 12191941"/>
              <a:gd name="connsiteY738" fmla="*/ 6254408 h 6857967"/>
              <a:gd name="connsiteX739" fmla="*/ 2838334 w 12191941"/>
              <a:gd name="connsiteY739" fmla="*/ 6183107 h 6857967"/>
              <a:gd name="connsiteX740" fmla="*/ 2624361 w 12191941"/>
              <a:gd name="connsiteY740" fmla="*/ 6183107 h 6857967"/>
              <a:gd name="connsiteX741" fmla="*/ 2624361 w 12191941"/>
              <a:gd name="connsiteY741" fmla="*/ 6254408 h 6857967"/>
              <a:gd name="connsiteX742" fmla="*/ 2695661 w 12191941"/>
              <a:gd name="connsiteY742" fmla="*/ 6254408 h 6857967"/>
              <a:gd name="connsiteX743" fmla="*/ 2695661 w 12191941"/>
              <a:gd name="connsiteY743" fmla="*/ 6183107 h 6857967"/>
              <a:gd name="connsiteX744" fmla="*/ 2481690 w 12191941"/>
              <a:gd name="connsiteY744" fmla="*/ 6183107 h 6857967"/>
              <a:gd name="connsiteX745" fmla="*/ 2481690 w 12191941"/>
              <a:gd name="connsiteY745" fmla="*/ 6254408 h 6857967"/>
              <a:gd name="connsiteX746" fmla="*/ 2552991 w 12191941"/>
              <a:gd name="connsiteY746" fmla="*/ 6254408 h 6857967"/>
              <a:gd name="connsiteX747" fmla="*/ 2552991 w 12191941"/>
              <a:gd name="connsiteY747" fmla="*/ 6183107 h 6857967"/>
              <a:gd name="connsiteX748" fmla="*/ 2339091 w 12191941"/>
              <a:gd name="connsiteY748" fmla="*/ 6183107 h 6857967"/>
              <a:gd name="connsiteX749" fmla="*/ 2339091 w 12191941"/>
              <a:gd name="connsiteY749" fmla="*/ 6254408 h 6857967"/>
              <a:gd name="connsiteX750" fmla="*/ 2410392 w 12191941"/>
              <a:gd name="connsiteY750" fmla="*/ 6254408 h 6857967"/>
              <a:gd name="connsiteX751" fmla="*/ 2410392 w 12191941"/>
              <a:gd name="connsiteY751" fmla="*/ 6183107 h 6857967"/>
              <a:gd name="connsiteX752" fmla="*/ 2196420 w 12191941"/>
              <a:gd name="connsiteY752" fmla="*/ 6183107 h 6857967"/>
              <a:gd name="connsiteX753" fmla="*/ 2196420 w 12191941"/>
              <a:gd name="connsiteY753" fmla="*/ 6254408 h 6857967"/>
              <a:gd name="connsiteX754" fmla="*/ 2267721 w 12191941"/>
              <a:gd name="connsiteY754" fmla="*/ 6254408 h 6857967"/>
              <a:gd name="connsiteX755" fmla="*/ 2267721 w 12191941"/>
              <a:gd name="connsiteY755" fmla="*/ 6183107 h 6857967"/>
              <a:gd name="connsiteX756" fmla="*/ 2053813 w 12191941"/>
              <a:gd name="connsiteY756" fmla="*/ 6183107 h 6857967"/>
              <a:gd name="connsiteX757" fmla="*/ 2053813 w 12191941"/>
              <a:gd name="connsiteY757" fmla="*/ 6254408 h 6857967"/>
              <a:gd name="connsiteX758" fmla="*/ 2125117 w 12191941"/>
              <a:gd name="connsiteY758" fmla="*/ 6254408 h 6857967"/>
              <a:gd name="connsiteX759" fmla="*/ 2125117 w 12191941"/>
              <a:gd name="connsiteY759" fmla="*/ 6183107 h 6857967"/>
              <a:gd name="connsiteX760" fmla="*/ 1911141 w 12191941"/>
              <a:gd name="connsiteY760" fmla="*/ 6183107 h 6857967"/>
              <a:gd name="connsiteX761" fmla="*/ 1911141 w 12191941"/>
              <a:gd name="connsiteY761" fmla="*/ 6254408 h 6857967"/>
              <a:gd name="connsiteX762" fmla="*/ 1982442 w 12191941"/>
              <a:gd name="connsiteY762" fmla="*/ 6254408 h 6857967"/>
              <a:gd name="connsiteX763" fmla="*/ 1982442 w 12191941"/>
              <a:gd name="connsiteY763" fmla="*/ 6183107 h 6857967"/>
              <a:gd name="connsiteX764" fmla="*/ 1768470 w 12191941"/>
              <a:gd name="connsiteY764" fmla="*/ 6183107 h 6857967"/>
              <a:gd name="connsiteX765" fmla="*/ 1768470 w 12191941"/>
              <a:gd name="connsiteY765" fmla="*/ 6254408 h 6857967"/>
              <a:gd name="connsiteX766" fmla="*/ 1839771 w 12191941"/>
              <a:gd name="connsiteY766" fmla="*/ 6254408 h 6857967"/>
              <a:gd name="connsiteX767" fmla="*/ 1839771 w 12191941"/>
              <a:gd name="connsiteY767" fmla="*/ 6183107 h 6857967"/>
              <a:gd name="connsiteX768" fmla="*/ 1625870 w 12191941"/>
              <a:gd name="connsiteY768" fmla="*/ 6183107 h 6857967"/>
              <a:gd name="connsiteX769" fmla="*/ 1625870 w 12191941"/>
              <a:gd name="connsiteY769" fmla="*/ 6254408 h 6857967"/>
              <a:gd name="connsiteX770" fmla="*/ 1697171 w 12191941"/>
              <a:gd name="connsiteY770" fmla="*/ 6254408 h 6857967"/>
              <a:gd name="connsiteX771" fmla="*/ 1697171 w 12191941"/>
              <a:gd name="connsiteY771" fmla="*/ 6183107 h 6857967"/>
              <a:gd name="connsiteX772" fmla="*/ 1483199 w 12191941"/>
              <a:gd name="connsiteY772" fmla="*/ 6183107 h 6857967"/>
              <a:gd name="connsiteX773" fmla="*/ 1483199 w 12191941"/>
              <a:gd name="connsiteY773" fmla="*/ 6254408 h 6857967"/>
              <a:gd name="connsiteX774" fmla="*/ 1554500 w 12191941"/>
              <a:gd name="connsiteY774" fmla="*/ 6254408 h 6857967"/>
              <a:gd name="connsiteX775" fmla="*/ 1554500 w 12191941"/>
              <a:gd name="connsiteY775" fmla="*/ 6183107 h 6857967"/>
              <a:gd name="connsiteX776" fmla="*/ 1340599 w 12191941"/>
              <a:gd name="connsiteY776" fmla="*/ 6183107 h 6857967"/>
              <a:gd name="connsiteX777" fmla="*/ 1340599 w 12191941"/>
              <a:gd name="connsiteY777" fmla="*/ 6254408 h 6857967"/>
              <a:gd name="connsiteX778" fmla="*/ 1411901 w 12191941"/>
              <a:gd name="connsiteY778" fmla="*/ 6254408 h 6857967"/>
              <a:gd name="connsiteX779" fmla="*/ 1411901 w 12191941"/>
              <a:gd name="connsiteY779" fmla="*/ 6183107 h 6857967"/>
              <a:gd name="connsiteX780" fmla="*/ 1197929 w 12191941"/>
              <a:gd name="connsiteY780" fmla="*/ 6183107 h 6857967"/>
              <a:gd name="connsiteX781" fmla="*/ 1197929 w 12191941"/>
              <a:gd name="connsiteY781" fmla="*/ 6254408 h 6857967"/>
              <a:gd name="connsiteX782" fmla="*/ 1269230 w 12191941"/>
              <a:gd name="connsiteY782" fmla="*/ 6254408 h 6857967"/>
              <a:gd name="connsiteX783" fmla="*/ 1269230 w 12191941"/>
              <a:gd name="connsiteY783" fmla="*/ 6183107 h 6857967"/>
              <a:gd name="connsiteX784" fmla="*/ 1055311 w 12191941"/>
              <a:gd name="connsiteY784" fmla="*/ 6183107 h 6857967"/>
              <a:gd name="connsiteX785" fmla="*/ 1055311 w 12191941"/>
              <a:gd name="connsiteY785" fmla="*/ 6254408 h 6857967"/>
              <a:gd name="connsiteX786" fmla="*/ 1126612 w 12191941"/>
              <a:gd name="connsiteY786" fmla="*/ 6254408 h 6857967"/>
              <a:gd name="connsiteX787" fmla="*/ 1126612 w 12191941"/>
              <a:gd name="connsiteY787" fmla="*/ 6183107 h 6857967"/>
              <a:gd name="connsiteX788" fmla="*/ 912657 w 12191941"/>
              <a:gd name="connsiteY788" fmla="*/ 6183107 h 6857967"/>
              <a:gd name="connsiteX789" fmla="*/ 912657 w 12191941"/>
              <a:gd name="connsiteY789" fmla="*/ 6254408 h 6857967"/>
              <a:gd name="connsiteX790" fmla="*/ 983958 w 12191941"/>
              <a:gd name="connsiteY790" fmla="*/ 6254408 h 6857967"/>
              <a:gd name="connsiteX791" fmla="*/ 983958 w 12191941"/>
              <a:gd name="connsiteY791" fmla="*/ 6183107 h 6857967"/>
              <a:gd name="connsiteX792" fmla="*/ 771136 w 12191941"/>
              <a:gd name="connsiteY792" fmla="*/ 6183107 h 6857967"/>
              <a:gd name="connsiteX793" fmla="*/ 771136 w 12191941"/>
              <a:gd name="connsiteY793" fmla="*/ 6254408 h 6857967"/>
              <a:gd name="connsiteX794" fmla="*/ 842437 w 12191941"/>
              <a:gd name="connsiteY794" fmla="*/ 6254408 h 6857967"/>
              <a:gd name="connsiteX795" fmla="*/ 842437 w 12191941"/>
              <a:gd name="connsiteY795" fmla="*/ 6183107 h 6857967"/>
              <a:gd name="connsiteX796" fmla="*/ 628534 w 12191941"/>
              <a:gd name="connsiteY796" fmla="*/ 6183107 h 6857967"/>
              <a:gd name="connsiteX797" fmla="*/ 628534 w 12191941"/>
              <a:gd name="connsiteY797" fmla="*/ 6254408 h 6857967"/>
              <a:gd name="connsiteX798" fmla="*/ 699835 w 12191941"/>
              <a:gd name="connsiteY798" fmla="*/ 6254408 h 6857967"/>
              <a:gd name="connsiteX799" fmla="*/ 699835 w 12191941"/>
              <a:gd name="connsiteY799" fmla="*/ 6183107 h 6857967"/>
              <a:gd name="connsiteX800" fmla="*/ 485863 w 12191941"/>
              <a:gd name="connsiteY800" fmla="*/ 6183107 h 6857967"/>
              <a:gd name="connsiteX801" fmla="*/ 485863 w 12191941"/>
              <a:gd name="connsiteY801" fmla="*/ 6254408 h 6857967"/>
              <a:gd name="connsiteX802" fmla="*/ 557163 w 12191941"/>
              <a:gd name="connsiteY802" fmla="*/ 6254408 h 6857967"/>
              <a:gd name="connsiteX803" fmla="*/ 557163 w 12191941"/>
              <a:gd name="connsiteY803" fmla="*/ 6183107 h 6857967"/>
              <a:gd name="connsiteX804" fmla="*/ 343191 w 12191941"/>
              <a:gd name="connsiteY804" fmla="*/ 6183107 h 6857967"/>
              <a:gd name="connsiteX805" fmla="*/ 343191 w 12191941"/>
              <a:gd name="connsiteY805" fmla="*/ 6254408 h 6857967"/>
              <a:gd name="connsiteX806" fmla="*/ 414492 w 12191941"/>
              <a:gd name="connsiteY806" fmla="*/ 6254408 h 6857967"/>
              <a:gd name="connsiteX807" fmla="*/ 414492 w 12191941"/>
              <a:gd name="connsiteY807" fmla="*/ 6183107 h 6857967"/>
              <a:gd name="connsiteX808" fmla="*/ 200590 w 12191941"/>
              <a:gd name="connsiteY808" fmla="*/ 6183107 h 6857967"/>
              <a:gd name="connsiteX809" fmla="*/ 200590 w 12191941"/>
              <a:gd name="connsiteY809" fmla="*/ 6254408 h 6857967"/>
              <a:gd name="connsiteX810" fmla="*/ 271891 w 12191941"/>
              <a:gd name="connsiteY810" fmla="*/ 6254408 h 6857967"/>
              <a:gd name="connsiteX811" fmla="*/ 271891 w 12191941"/>
              <a:gd name="connsiteY811" fmla="*/ 6183107 h 6857967"/>
              <a:gd name="connsiteX812" fmla="*/ 57918 w 12191941"/>
              <a:gd name="connsiteY812" fmla="*/ 6183107 h 6857967"/>
              <a:gd name="connsiteX813" fmla="*/ 57918 w 12191941"/>
              <a:gd name="connsiteY813" fmla="*/ 6254408 h 6857967"/>
              <a:gd name="connsiteX814" fmla="*/ 129219 w 12191941"/>
              <a:gd name="connsiteY814" fmla="*/ 6254408 h 6857967"/>
              <a:gd name="connsiteX815" fmla="*/ 129219 w 12191941"/>
              <a:gd name="connsiteY815" fmla="*/ 6183107 h 6857967"/>
              <a:gd name="connsiteX816" fmla="*/ 10040665 w 12191941"/>
              <a:gd name="connsiteY816" fmla="*/ 6040435 h 6857967"/>
              <a:gd name="connsiteX817" fmla="*/ 10040665 w 12191941"/>
              <a:gd name="connsiteY817" fmla="*/ 6111736 h 6857967"/>
              <a:gd name="connsiteX818" fmla="*/ 10111966 w 12191941"/>
              <a:gd name="connsiteY818" fmla="*/ 6111736 h 6857967"/>
              <a:gd name="connsiteX819" fmla="*/ 10111966 w 12191941"/>
              <a:gd name="connsiteY819" fmla="*/ 6040435 h 6857967"/>
              <a:gd name="connsiteX820" fmla="*/ 9898063 w 12191941"/>
              <a:gd name="connsiteY820" fmla="*/ 6040435 h 6857967"/>
              <a:gd name="connsiteX821" fmla="*/ 9898063 w 12191941"/>
              <a:gd name="connsiteY821" fmla="*/ 6111736 h 6857967"/>
              <a:gd name="connsiteX822" fmla="*/ 9969363 w 12191941"/>
              <a:gd name="connsiteY822" fmla="*/ 6111736 h 6857967"/>
              <a:gd name="connsiteX823" fmla="*/ 9969363 w 12191941"/>
              <a:gd name="connsiteY823" fmla="*/ 6040435 h 6857967"/>
              <a:gd name="connsiteX824" fmla="*/ 9755391 w 12191941"/>
              <a:gd name="connsiteY824" fmla="*/ 6040435 h 6857967"/>
              <a:gd name="connsiteX825" fmla="*/ 9755391 w 12191941"/>
              <a:gd name="connsiteY825" fmla="*/ 6111736 h 6857967"/>
              <a:gd name="connsiteX826" fmla="*/ 9826692 w 12191941"/>
              <a:gd name="connsiteY826" fmla="*/ 6111736 h 6857967"/>
              <a:gd name="connsiteX827" fmla="*/ 9826692 w 12191941"/>
              <a:gd name="connsiteY827" fmla="*/ 6040435 h 6857967"/>
              <a:gd name="connsiteX828" fmla="*/ 9612718 w 12191941"/>
              <a:gd name="connsiteY828" fmla="*/ 6040435 h 6857967"/>
              <a:gd name="connsiteX829" fmla="*/ 9612718 w 12191941"/>
              <a:gd name="connsiteY829" fmla="*/ 6111736 h 6857967"/>
              <a:gd name="connsiteX830" fmla="*/ 9684019 w 12191941"/>
              <a:gd name="connsiteY830" fmla="*/ 6111736 h 6857967"/>
              <a:gd name="connsiteX831" fmla="*/ 9684019 w 12191941"/>
              <a:gd name="connsiteY831" fmla="*/ 6040435 h 6857967"/>
              <a:gd name="connsiteX832" fmla="*/ 9470117 w 12191941"/>
              <a:gd name="connsiteY832" fmla="*/ 6040435 h 6857967"/>
              <a:gd name="connsiteX833" fmla="*/ 9470117 w 12191941"/>
              <a:gd name="connsiteY833" fmla="*/ 6111736 h 6857967"/>
              <a:gd name="connsiteX834" fmla="*/ 9541417 w 12191941"/>
              <a:gd name="connsiteY834" fmla="*/ 6111736 h 6857967"/>
              <a:gd name="connsiteX835" fmla="*/ 9541417 w 12191941"/>
              <a:gd name="connsiteY835" fmla="*/ 6040435 h 6857967"/>
              <a:gd name="connsiteX836" fmla="*/ 9327444 w 12191941"/>
              <a:gd name="connsiteY836" fmla="*/ 6040435 h 6857967"/>
              <a:gd name="connsiteX837" fmla="*/ 9327444 w 12191941"/>
              <a:gd name="connsiteY837" fmla="*/ 6111736 h 6857967"/>
              <a:gd name="connsiteX838" fmla="*/ 9398745 w 12191941"/>
              <a:gd name="connsiteY838" fmla="*/ 6111736 h 6857967"/>
              <a:gd name="connsiteX839" fmla="*/ 9398745 w 12191941"/>
              <a:gd name="connsiteY839" fmla="*/ 6040435 h 6857967"/>
              <a:gd name="connsiteX840" fmla="*/ 9184842 w 12191941"/>
              <a:gd name="connsiteY840" fmla="*/ 6040435 h 6857967"/>
              <a:gd name="connsiteX841" fmla="*/ 9184842 w 12191941"/>
              <a:gd name="connsiteY841" fmla="*/ 6111736 h 6857967"/>
              <a:gd name="connsiteX842" fmla="*/ 9256143 w 12191941"/>
              <a:gd name="connsiteY842" fmla="*/ 6111736 h 6857967"/>
              <a:gd name="connsiteX843" fmla="*/ 9256143 w 12191941"/>
              <a:gd name="connsiteY843" fmla="*/ 6040435 h 6857967"/>
              <a:gd name="connsiteX844" fmla="*/ 9042170 w 12191941"/>
              <a:gd name="connsiteY844" fmla="*/ 6040435 h 6857967"/>
              <a:gd name="connsiteX845" fmla="*/ 9042170 w 12191941"/>
              <a:gd name="connsiteY845" fmla="*/ 6111736 h 6857967"/>
              <a:gd name="connsiteX846" fmla="*/ 9113471 w 12191941"/>
              <a:gd name="connsiteY846" fmla="*/ 6111736 h 6857967"/>
              <a:gd name="connsiteX847" fmla="*/ 9113471 w 12191941"/>
              <a:gd name="connsiteY847" fmla="*/ 6040435 h 6857967"/>
              <a:gd name="connsiteX848" fmla="*/ 8899568 w 12191941"/>
              <a:gd name="connsiteY848" fmla="*/ 6040435 h 6857967"/>
              <a:gd name="connsiteX849" fmla="*/ 8899568 w 12191941"/>
              <a:gd name="connsiteY849" fmla="*/ 6111736 h 6857967"/>
              <a:gd name="connsiteX850" fmla="*/ 8970869 w 12191941"/>
              <a:gd name="connsiteY850" fmla="*/ 6111736 h 6857967"/>
              <a:gd name="connsiteX851" fmla="*/ 8970869 w 12191941"/>
              <a:gd name="connsiteY851" fmla="*/ 6040435 h 6857967"/>
              <a:gd name="connsiteX852" fmla="*/ 8756896 w 12191941"/>
              <a:gd name="connsiteY852" fmla="*/ 6040435 h 6857967"/>
              <a:gd name="connsiteX853" fmla="*/ 8756896 w 12191941"/>
              <a:gd name="connsiteY853" fmla="*/ 6111736 h 6857967"/>
              <a:gd name="connsiteX854" fmla="*/ 8828196 w 12191941"/>
              <a:gd name="connsiteY854" fmla="*/ 6111736 h 6857967"/>
              <a:gd name="connsiteX855" fmla="*/ 8828196 w 12191941"/>
              <a:gd name="connsiteY855" fmla="*/ 6040435 h 6857967"/>
              <a:gd name="connsiteX856" fmla="*/ 8614223 w 12191941"/>
              <a:gd name="connsiteY856" fmla="*/ 6040435 h 6857967"/>
              <a:gd name="connsiteX857" fmla="*/ 8614223 w 12191941"/>
              <a:gd name="connsiteY857" fmla="*/ 6111736 h 6857967"/>
              <a:gd name="connsiteX858" fmla="*/ 8685524 w 12191941"/>
              <a:gd name="connsiteY858" fmla="*/ 6111736 h 6857967"/>
              <a:gd name="connsiteX859" fmla="*/ 8685524 w 12191941"/>
              <a:gd name="connsiteY859" fmla="*/ 6040435 h 6857967"/>
              <a:gd name="connsiteX860" fmla="*/ 8471622 w 12191941"/>
              <a:gd name="connsiteY860" fmla="*/ 6040435 h 6857967"/>
              <a:gd name="connsiteX861" fmla="*/ 8471622 w 12191941"/>
              <a:gd name="connsiteY861" fmla="*/ 6111736 h 6857967"/>
              <a:gd name="connsiteX862" fmla="*/ 8542923 w 12191941"/>
              <a:gd name="connsiteY862" fmla="*/ 6111736 h 6857967"/>
              <a:gd name="connsiteX863" fmla="*/ 8542923 w 12191941"/>
              <a:gd name="connsiteY863" fmla="*/ 6040435 h 6857967"/>
              <a:gd name="connsiteX864" fmla="*/ 8328949 w 12191941"/>
              <a:gd name="connsiteY864" fmla="*/ 6040435 h 6857967"/>
              <a:gd name="connsiteX865" fmla="*/ 8328949 w 12191941"/>
              <a:gd name="connsiteY865" fmla="*/ 6111736 h 6857967"/>
              <a:gd name="connsiteX866" fmla="*/ 8400250 w 12191941"/>
              <a:gd name="connsiteY866" fmla="*/ 6111736 h 6857967"/>
              <a:gd name="connsiteX867" fmla="*/ 8400250 w 12191941"/>
              <a:gd name="connsiteY867" fmla="*/ 6040435 h 6857967"/>
              <a:gd name="connsiteX868" fmla="*/ 8186348 w 12191941"/>
              <a:gd name="connsiteY868" fmla="*/ 6040435 h 6857967"/>
              <a:gd name="connsiteX869" fmla="*/ 8186348 w 12191941"/>
              <a:gd name="connsiteY869" fmla="*/ 6111736 h 6857967"/>
              <a:gd name="connsiteX870" fmla="*/ 8257649 w 12191941"/>
              <a:gd name="connsiteY870" fmla="*/ 6111736 h 6857967"/>
              <a:gd name="connsiteX871" fmla="*/ 8257649 w 12191941"/>
              <a:gd name="connsiteY871" fmla="*/ 6040435 h 6857967"/>
              <a:gd name="connsiteX872" fmla="*/ 8043675 w 12191941"/>
              <a:gd name="connsiteY872" fmla="*/ 6040435 h 6857967"/>
              <a:gd name="connsiteX873" fmla="*/ 8043675 w 12191941"/>
              <a:gd name="connsiteY873" fmla="*/ 6111736 h 6857967"/>
              <a:gd name="connsiteX874" fmla="*/ 8114976 w 12191941"/>
              <a:gd name="connsiteY874" fmla="*/ 6111736 h 6857967"/>
              <a:gd name="connsiteX875" fmla="*/ 8114976 w 12191941"/>
              <a:gd name="connsiteY875" fmla="*/ 6040435 h 6857967"/>
              <a:gd name="connsiteX876" fmla="*/ 7901003 w 12191941"/>
              <a:gd name="connsiteY876" fmla="*/ 6040435 h 6857967"/>
              <a:gd name="connsiteX877" fmla="*/ 7901003 w 12191941"/>
              <a:gd name="connsiteY877" fmla="*/ 6111736 h 6857967"/>
              <a:gd name="connsiteX878" fmla="*/ 7972304 w 12191941"/>
              <a:gd name="connsiteY878" fmla="*/ 6111736 h 6857967"/>
              <a:gd name="connsiteX879" fmla="*/ 7972304 w 12191941"/>
              <a:gd name="connsiteY879" fmla="*/ 6040435 h 6857967"/>
              <a:gd name="connsiteX880" fmla="*/ 7758401 w 12191941"/>
              <a:gd name="connsiteY880" fmla="*/ 6040435 h 6857967"/>
              <a:gd name="connsiteX881" fmla="*/ 7758401 w 12191941"/>
              <a:gd name="connsiteY881" fmla="*/ 6111736 h 6857967"/>
              <a:gd name="connsiteX882" fmla="*/ 7829702 w 12191941"/>
              <a:gd name="connsiteY882" fmla="*/ 6111736 h 6857967"/>
              <a:gd name="connsiteX883" fmla="*/ 7829702 w 12191941"/>
              <a:gd name="connsiteY883" fmla="*/ 6040435 h 6857967"/>
              <a:gd name="connsiteX884" fmla="*/ 7615728 w 12191941"/>
              <a:gd name="connsiteY884" fmla="*/ 6040435 h 6857967"/>
              <a:gd name="connsiteX885" fmla="*/ 7615728 w 12191941"/>
              <a:gd name="connsiteY885" fmla="*/ 6111736 h 6857967"/>
              <a:gd name="connsiteX886" fmla="*/ 7687029 w 12191941"/>
              <a:gd name="connsiteY886" fmla="*/ 6111736 h 6857967"/>
              <a:gd name="connsiteX887" fmla="*/ 7687029 w 12191941"/>
              <a:gd name="connsiteY887" fmla="*/ 6040435 h 6857967"/>
              <a:gd name="connsiteX888" fmla="*/ 7473127 w 12191941"/>
              <a:gd name="connsiteY888" fmla="*/ 6040435 h 6857967"/>
              <a:gd name="connsiteX889" fmla="*/ 7473127 w 12191941"/>
              <a:gd name="connsiteY889" fmla="*/ 6111736 h 6857967"/>
              <a:gd name="connsiteX890" fmla="*/ 7544428 w 12191941"/>
              <a:gd name="connsiteY890" fmla="*/ 6111736 h 6857967"/>
              <a:gd name="connsiteX891" fmla="*/ 7544428 w 12191941"/>
              <a:gd name="connsiteY891" fmla="*/ 6040435 h 6857967"/>
              <a:gd name="connsiteX892" fmla="*/ 7330454 w 12191941"/>
              <a:gd name="connsiteY892" fmla="*/ 6040435 h 6857967"/>
              <a:gd name="connsiteX893" fmla="*/ 7330454 w 12191941"/>
              <a:gd name="connsiteY893" fmla="*/ 6111736 h 6857967"/>
              <a:gd name="connsiteX894" fmla="*/ 7401755 w 12191941"/>
              <a:gd name="connsiteY894" fmla="*/ 6111736 h 6857967"/>
              <a:gd name="connsiteX895" fmla="*/ 7401755 w 12191941"/>
              <a:gd name="connsiteY895" fmla="*/ 6040435 h 6857967"/>
              <a:gd name="connsiteX896" fmla="*/ 7187853 w 12191941"/>
              <a:gd name="connsiteY896" fmla="*/ 6040435 h 6857967"/>
              <a:gd name="connsiteX897" fmla="*/ 7187853 w 12191941"/>
              <a:gd name="connsiteY897" fmla="*/ 6111736 h 6857967"/>
              <a:gd name="connsiteX898" fmla="*/ 7259154 w 12191941"/>
              <a:gd name="connsiteY898" fmla="*/ 6111736 h 6857967"/>
              <a:gd name="connsiteX899" fmla="*/ 7259154 w 12191941"/>
              <a:gd name="connsiteY899" fmla="*/ 6040435 h 6857967"/>
              <a:gd name="connsiteX900" fmla="*/ 7045180 w 12191941"/>
              <a:gd name="connsiteY900" fmla="*/ 6040435 h 6857967"/>
              <a:gd name="connsiteX901" fmla="*/ 7045180 w 12191941"/>
              <a:gd name="connsiteY901" fmla="*/ 6111736 h 6857967"/>
              <a:gd name="connsiteX902" fmla="*/ 7116481 w 12191941"/>
              <a:gd name="connsiteY902" fmla="*/ 6111736 h 6857967"/>
              <a:gd name="connsiteX903" fmla="*/ 7116481 w 12191941"/>
              <a:gd name="connsiteY903" fmla="*/ 6040435 h 6857967"/>
              <a:gd name="connsiteX904" fmla="*/ 6902579 w 12191941"/>
              <a:gd name="connsiteY904" fmla="*/ 6040435 h 6857967"/>
              <a:gd name="connsiteX905" fmla="*/ 6902579 w 12191941"/>
              <a:gd name="connsiteY905" fmla="*/ 6111736 h 6857967"/>
              <a:gd name="connsiteX906" fmla="*/ 6973880 w 12191941"/>
              <a:gd name="connsiteY906" fmla="*/ 6111736 h 6857967"/>
              <a:gd name="connsiteX907" fmla="*/ 6973880 w 12191941"/>
              <a:gd name="connsiteY907" fmla="*/ 6040435 h 6857967"/>
              <a:gd name="connsiteX908" fmla="*/ 6759906 w 12191941"/>
              <a:gd name="connsiteY908" fmla="*/ 6040435 h 6857967"/>
              <a:gd name="connsiteX909" fmla="*/ 6759906 w 12191941"/>
              <a:gd name="connsiteY909" fmla="*/ 6111736 h 6857967"/>
              <a:gd name="connsiteX910" fmla="*/ 6831207 w 12191941"/>
              <a:gd name="connsiteY910" fmla="*/ 6111736 h 6857967"/>
              <a:gd name="connsiteX911" fmla="*/ 6831207 w 12191941"/>
              <a:gd name="connsiteY911" fmla="*/ 6040435 h 6857967"/>
              <a:gd name="connsiteX912" fmla="*/ 6617234 w 12191941"/>
              <a:gd name="connsiteY912" fmla="*/ 6040435 h 6857967"/>
              <a:gd name="connsiteX913" fmla="*/ 6617234 w 12191941"/>
              <a:gd name="connsiteY913" fmla="*/ 6111736 h 6857967"/>
              <a:gd name="connsiteX914" fmla="*/ 6688535 w 12191941"/>
              <a:gd name="connsiteY914" fmla="*/ 6111736 h 6857967"/>
              <a:gd name="connsiteX915" fmla="*/ 6688535 w 12191941"/>
              <a:gd name="connsiteY915" fmla="*/ 6040435 h 6857967"/>
              <a:gd name="connsiteX916" fmla="*/ 6474632 w 12191941"/>
              <a:gd name="connsiteY916" fmla="*/ 6040435 h 6857967"/>
              <a:gd name="connsiteX917" fmla="*/ 6474632 w 12191941"/>
              <a:gd name="connsiteY917" fmla="*/ 6111736 h 6857967"/>
              <a:gd name="connsiteX918" fmla="*/ 6545933 w 12191941"/>
              <a:gd name="connsiteY918" fmla="*/ 6111736 h 6857967"/>
              <a:gd name="connsiteX919" fmla="*/ 6545933 w 12191941"/>
              <a:gd name="connsiteY919" fmla="*/ 6040435 h 6857967"/>
              <a:gd name="connsiteX920" fmla="*/ 6331959 w 12191941"/>
              <a:gd name="connsiteY920" fmla="*/ 6040435 h 6857967"/>
              <a:gd name="connsiteX921" fmla="*/ 6331959 w 12191941"/>
              <a:gd name="connsiteY921" fmla="*/ 6111736 h 6857967"/>
              <a:gd name="connsiteX922" fmla="*/ 6403260 w 12191941"/>
              <a:gd name="connsiteY922" fmla="*/ 6111736 h 6857967"/>
              <a:gd name="connsiteX923" fmla="*/ 6403260 w 12191941"/>
              <a:gd name="connsiteY923" fmla="*/ 6040435 h 6857967"/>
              <a:gd name="connsiteX924" fmla="*/ 6189358 w 12191941"/>
              <a:gd name="connsiteY924" fmla="*/ 6040435 h 6857967"/>
              <a:gd name="connsiteX925" fmla="*/ 6189358 w 12191941"/>
              <a:gd name="connsiteY925" fmla="*/ 6111736 h 6857967"/>
              <a:gd name="connsiteX926" fmla="*/ 6260659 w 12191941"/>
              <a:gd name="connsiteY926" fmla="*/ 6111736 h 6857967"/>
              <a:gd name="connsiteX927" fmla="*/ 6260659 w 12191941"/>
              <a:gd name="connsiteY927" fmla="*/ 6040435 h 6857967"/>
              <a:gd name="connsiteX928" fmla="*/ 6046689 w 12191941"/>
              <a:gd name="connsiteY928" fmla="*/ 6040435 h 6857967"/>
              <a:gd name="connsiteX929" fmla="*/ 6046689 w 12191941"/>
              <a:gd name="connsiteY929" fmla="*/ 6111736 h 6857967"/>
              <a:gd name="connsiteX930" fmla="*/ 6117986 w 12191941"/>
              <a:gd name="connsiteY930" fmla="*/ 6111736 h 6857967"/>
              <a:gd name="connsiteX931" fmla="*/ 6117986 w 12191941"/>
              <a:gd name="connsiteY931" fmla="*/ 6040435 h 6857967"/>
              <a:gd name="connsiteX932" fmla="*/ 5904022 w 12191941"/>
              <a:gd name="connsiteY932" fmla="*/ 6040435 h 6857967"/>
              <a:gd name="connsiteX933" fmla="*/ 5904022 w 12191941"/>
              <a:gd name="connsiteY933" fmla="*/ 6111736 h 6857967"/>
              <a:gd name="connsiteX934" fmla="*/ 5975319 w 12191941"/>
              <a:gd name="connsiteY934" fmla="*/ 6111736 h 6857967"/>
              <a:gd name="connsiteX935" fmla="*/ 5975319 w 12191941"/>
              <a:gd name="connsiteY935" fmla="*/ 6040435 h 6857967"/>
              <a:gd name="connsiteX936" fmla="*/ 5761426 w 12191941"/>
              <a:gd name="connsiteY936" fmla="*/ 6040435 h 6857967"/>
              <a:gd name="connsiteX937" fmla="*/ 5761426 w 12191941"/>
              <a:gd name="connsiteY937" fmla="*/ 6111736 h 6857967"/>
              <a:gd name="connsiteX938" fmla="*/ 5832724 w 12191941"/>
              <a:gd name="connsiteY938" fmla="*/ 6111736 h 6857967"/>
              <a:gd name="connsiteX939" fmla="*/ 5832724 w 12191941"/>
              <a:gd name="connsiteY939" fmla="*/ 6040435 h 6857967"/>
              <a:gd name="connsiteX940" fmla="*/ 5618761 w 12191941"/>
              <a:gd name="connsiteY940" fmla="*/ 6040435 h 6857967"/>
              <a:gd name="connsiteX941" fmla="*/ 5618761 w 12191941"/>
              <a:gd name="connsiteY941" fmla="*/ 6111736 h 6857967"/>
              <a:gd name="connsiteX942" fmla="*/ 5690059 w 12191941"/>
              <a:gd name="connsiteY942" fmla="*/ 6111736 h 6857967"/>
              <a:gd name="connsiteX943" fmla="*/ 5690059 w 12191941"/>
              <a:gd name="connsiteY943" fmla="*/ 6040435 h 6857967"/>
              <a:gd name="connsiteX944" fmla="*/ 5476167 w 12191941"/>
              <a:gd name="connsiteY944" fmla="*/ 6040435 h 6857967"/>
              <a:gd name="connsiteX945" fmla="*/ 5476167 w 12191941"/>
              <a:gd name="connsiteY945" fmla="*/ 6111736 h 6857967"/>
              <a:gd name="connsiteX946" fmla="*/ 5547465 w 12191941"/>
              <a:gd name="connsiteY946" fmla="*/ 6111736 h 6857967"/>
              <a:gd name="connsiteX947" fmla="*/ 5547465 w 12191941"/>
              <a:gd name="connsiteY947" fmla="*/ 6040435 h 6857967"/>
              <a:gd name="connsiteX948" fmla="*/ 5333502 w 12191941"/>
              <a:gd name="connsiteY948" fmla="*/ 6040435 h 6857967"/>
              <a:gd name="connsiteX949" fmla="*/ 5333502 w 12191941"/>
              <a:gd name="connsiteY949" fmla="*/ 6111736 h 6857967"/>
              <a:gd name="connsiteX950" fmla="*/ 5404800 w 12191941"/>
              <a:gd name="connsiteY950" fmla="*/ 6111736 h 6857967"/>
              <a:gd name="connsiteX951" fmla="*/ 5404800 w 12191941"/>
              <a:gd name="connsiteY951" fmla="*/ 6040435 h 6857967"/>
              <a:gd name="connsiteX952" fmla="*/ 5190877 w 12191941"/>
              <a:gd name="connsiteY952" fmla="*/ 6040435 h 6857967"/>
              <a:gd name="connsiteX953" fmla="*/ 5190877 w 12191941"/>
              <a:gd name="connsiteY953" fmla="*/ 6111736 h 6857967"/>
              <a:gd name="connsiteX954" fmla="*/ 5262188 w 12191941"/>
              <a:gd name="connsiteY954" fmla="*/ 6111736 h 6857967"/>
              <a:gd name="connsiteX955" fmla="*/ 5262188 w 12191941"/>
              <a:gd name="connsiteY955" fmla="*/ 6040435 h 6857967"/>
              <a:gd name="connsiteX956" fmla="*/ 5048236 w 12191941"/>
              <a:gd name="connsiteY956" fmla="*/ 6040435 h 6857967"/>
              <a:gd name="connsiteX957" fmla="*/ 5048236 w 12191941"/>
              <a:gd name="connsiteY957" fmla="*/ 6111736 h 6857967"/>
              <a:gd name="connsiteX958" fmla="*/ 5119527 w 12191941"/>
              <a:gd name="connsiteY958" fmla="*/ 6111736 h 6857967"/>
              <a:gd name="connsiteX959" fmla="*/ 5119527 w 12191941"/>
              <a:gd name="connsiteY959" fmla="*/ 6040435 h 6857967"/>
              <a:gd name="connsiteX960" fmla="*/ 4906607 w 12191941"/>
              <a:gd name="connsiteY960" fmla="*/ 6040435 h 6857967"/>
              <a:gd name="connsiteX961" fmla="*/ 4906607 w 12191941"/>
              <a:gd name="connsiteY961" fmla="*/ 6111736 h 6857967"/>
              <a:gd name="connsiteX962" fmla="*/ 4977916 w 12191941"/>
              <a:gd name="connsiteY962" fmla="*/ 6111736 h 6857967"/>
              <a:gd name="connsiteX963" fmla="*/ 4977916 w 12191941"/>
              <a:gd name="connsiteY963" fmla="*/ 6040435 h 6857967"/>
              <a:gd name="connsiteX964" fmla="*/ 4764013 w 12191941"/>
              <a:gd name="connsiteY964" fmla="*/ 6040435 h 6857967"/>
              <a:gd name="connsiteX965" fmla="*/ 4764013 w 12191941"/>
              <a:gd name="connsiteY965" fmla="*/ 6111736 h 6857967"/>
              <a:gd name="connsiteX966" fmla="*/ 4835311 w 12191941"/>
              <a:gd name="connsiteY966" fmla="*/ 6111736 h 6857967"/>
              <a:gd name="connsiteX967" fmla="*/ 4835311 w 12191941"/>
              <a:gd name="connsiteY967" fmla="*/ 6040435 h 6857967"/>
              <a:gd name="connsiteX968" fmla="*/ 4621341 w 12191941"/>
              <a:gd name="connsiteY968" fmla="*/ 6040435 h 6857967"/>
              <a:gd name="connsiteX969" fmla="*/ 4621341 w 12191941"/>
              <a:gd name="connsiteY969" fmla="*/ 6111736 h 6857967"/>
              <a:gd name="connsiteX970" fmla="*/ 4692639 w 12191941"/>
              <a:gd name="connsiteY970" fmla="*/ 6111736 h 6857967"/>
              <a:gd name="connsiteX971" fmla="*/ 4692639 w 12191941"/>
              <a:gd name="connsiteY971" fmla="*/ 6040435 h 6857967"/>
              <a:gd name="connsiteX972" fmla="*/ 4478666 w 12191941"/>
              <a:gd name="connsiteY972" fmla="*/ 6040435 h 6857967"/>
              <a:gd name="connsiteX973" fmla="*/ 4478666 w 12191941"/>
              <a:gd name="connsiteY973" fmla="*/ 6111736 h 6857967"/>
              <a:gd name="connsiteX974" fmla="*/ 4549971 w 12191941"/>
              <a:gd name="connsiteY974" fmla="*/ 6111736 h 6857967"/>
              <a:gd name="connsiteX975" fmla="*/ 4549971 w 12191941"/>
              <a:gd name="connsiteY975" fmla="*/ 6040435 h 6857967"/>
              <a:gd name="connsiteX976" fmla="*/ 4336067 w 12191941"/>
              <a:gd name="connsiteY976" fmla="*/ 6040435 h 6857967"/>
              <a:gd name="connsiteX977" fmla="*/ 4336067 w 12191941"/>
              <a:gd name="connsiteY977" fmla="*/ 6111736 h 6857967"/>
              <a:gd name="connsiteX978" fmla="*/ 4407366 w 12191941"/>
              <a:gd name="connsiteY978" fmla="*/ 6111736 h 6857967"/>
              <a:gd name="connsiteX979" fmla="*/ 4407366 w 12191941"/>
              <a:gd name="connsiteY979" fmla="*/ 6040435 h 6857967"/>
              <a:gd name="connsiteX980" fmla="*/ 4193413 w 12191941"/>
              <a:gd name="connsiteY980" fmla="*/ 6040435 h 6857967"/>
              <a:gd name="connsiteX981" fmla="*/ 4193413 w 12191941"/>
              <a:gd name="connsiteY981" fmla="*/ 6111736 h 6857967"/>
              <a:gd name="connsiteX982" fmla="*/ 4264695 w 12191941"/>
              <a:gd name="connsiteY982" fmla="*/ 6111736 h 6857967"/>
              <a:gd name="connsiteX983" fmla="*/ 4264695 w 12191941"/>
              <a:gd name="connsiteY983" fmla="*/ 6040435 h 6857967"/>
              <a:gd name="connsiteX984" fmla="*/ 4050810 w 12191941"/>
              <a:gd name="connsiteY984" fmla="*/ 6040435 h 6857967"/>
              <a:gd name="connsiteX985" fmla="*/ 4050810 w 12191941"/>
              <a:gd name="connsiteY985" fmla="*/ 6111736 h 6857967"/>
              <a:gd name="connsiteX986" fmla="*/ 4122113 w 12191941"/>
              <a:gd name="connsiteY986" fmla="*/ 6111736 h 6857967"/>
              <a:gd name="connsiteX987" fmla="*/ 4122113 w 12191941"/>
              <a:gd name="connsiteY987" fmla="*/ 6040435 h 6857967"/>
              <a:gd name="connsiteX988" fmla="*/ 3908138 w 12191941"/>
              <a:gd name="connsiteY988" fmla="*/ 6040435 h 6857967"/>
              <a:gd name="connsiteX989" fmla="*/ 3908138 w 12191941"/>
              <a:gd name="connsiteY989" fmla="*/ 6111736 h 6857967"/>
              <a:gd name="connsiteX990" fmla="*/ 3979439 w 12191941"/>
              <a:gd name="connsiteY990" fmla="*/ 6111736 h 6857967"/>
              <a:gd name="connsiteX991" fmla="*/ 3979439 w 12191941"/>
              <a:gd name="connsiteY991" fmla="*/ 6040435 h 6857967"/>
              <a:gd name="connsiteX992" fmla="*/ 3765464 w 12191941"/>
              <a:gd name="connsiteY992" fmla="*/ 6040435 h 6857967"/>
              <a:gd name="connsiteX993" fmla="*/ 3765464 w 12191941"/>
              <a:gd name="connsiteY993" fmla="*/ 6111736 h 6857967"/>
              <a:gd name="connsiteX994" fmla="*/ 3836763 w 12191941"/>
              <a:gd name="connsiteY994" fmla="*/ 6111736 h 6857967"/>
              <a:gd name="connsiteX995" fmla="*/ 3836763 w 12191941"/>
              <a:gd name="connsiteY995" fmla="*/ 6040435 h 6857967"/>
              <a:gd name="connsiteX996" fmla="*/ 3622853 w 12191941"/>
              <a:gd name="connsiteY996" fmla="*/ 6040435 h 6857967"/>
              <a:gd name="connsiteX997" fmla="*/ 3622853 w 12191941"/>
              <a:gd name="connsiteY997" fmla="*/ 6111736 h 6857967"/>
              <a:gd name="connsiteX998" fmla="*/ 3694151 w 12191941"/>
              <a:gd name="connsiteY998" fmla="*/ 6111736 h 6857967"/>
              <a:gd name="connsiteX999" fmla="*/ 3694151 w 12191941"/>
              <a:gd name="connsiteY999" fmla="*/ 6040435 h 6857967"/>
              <a:gd name="connsiteX1000" fmla="*/ 3480203 w 12191941"/>
              <a:gd name="connsiteY1000" fmla="*/ 6040435 h 6857967"/>
              <a:gd name="connsiteX1001" fmla="*/ 3480203 w 12191941"/>
              <a:gd name="connsiteY1001" fmla="*/ 6111736 h 6857967"/>
              <a:gd name="connsiteX1002" fmla="*/ 3551511 w 12191941"/>
              <a:gd name="connsiteY1002" fmla="*/ 6111736 h 6857967"/>
              <a:gd name="connsiteX1003" fmla="*/ 3551511 w 12191941"/>
              <a:gd name="connsiteY1003" fmla="*/ 6040435 h 6857967"/>
              <a:gd name="connsiteX1004" fmla="*/ 3337579 w 12191941"/>
              <a:gd name="connsiteY1004" fmla="*/ 6040435 h 6857967"/>
              <a:gd name="connsiteX1005" fmla="*/ 3337579 w 12191941"/>
              <a:gd name="connsiteY1005" fmla="*/ 6111736 h 6857967"/>
              <a:gd name="connsiteX1006" fmla="*/ 3408880 w 12191941"/>
              <a:gd name="connsiteY1006" fmla="*/ 6111736 h 6857967"/>
              <a:gd name="connsiteX1007" fmla="*/ 3408880 w 12191941"/>
              <a:gd name="connsiteY1007" fmla="*/ 6040435 h 6857967"/>
              <a:gd name="connsiteX1008" fmla="*/ 3194906 w 12191941"/>
              <a:gd name="connsiteY1008" fmla="*/ 6040435 h 6857967"/>
              <a:gd name="connsiteX1009" fmla="*/ 3194906 w 12191941"/>
              <a:gd name="connsiteY1009" fmla="*/ 6111736 h 6857967"/>
              <a:gd name="connsiteX1010" fmla="*/ 3266208 w 12191941"/>
              <a:gd name="connsiteY1010" fmla="*/ 6111736 h 6857967"/>
              <a:gd name="connsiteX1011" fmla="*/ 3266208 w 12191941"/>
              <a:gd name="connsiteY1011" fmla="*/ 6040435 h 6857967"/>
              <a:gd name="connsiteX1012" fmla="*/ 3052305 w 12191941"/>
              <a:gd name="connsiteY1012" fmla="*/ 6040435 h 6857967"/>
              <a:gd name="connsiteX1013" fmla="*/ 3052305 w 12191941"/>
              <a:gd name="connsiteY1013" fmla="*/ 6111736 h 6857967"/>
              <a:gd name="connsiteX1014" fmla="*/ 3123607 w 12191941"/>
              <a:gd name="connsiteY1014" fmla="*/ 6111736 h 6857967"/>
              <a:gd name="connsiteX1015" fmla="*/ 3123607 w 12191941"/>
              <a:gd name="connsiteY1015" fmla="*/ 6040435 h 6857967"/>
              <a:gd name="connsiteX1016" fmla="*/ 2909634 w 12191941"/>
              <a:gd name="connsiteY1016" fmla="*/ 6040435 h 6857967"/>
              <a:gd name="connsiteX1017" fmla="*/ 2909634 w 12191941"/>
              <a:gd name="connsiteY1017" fmla="*/ 6111736 h 6857967"/>
              <a:gd name="connsiteX1018" fmla="*/ 2980934 w 12191941"/>
              <a:gd name="connsiteY1018" fmla="*/ 6111736 h 6857967"/>
              <a:gd name="connsiteX1019" fmla="*/ 2980934 w 12191941"/>
              <a:gd name="connsiteY1019" fmla="*/ 6040435 h 6857967"/>
              <a:gd name="connsiteX1020" fmla="*/ 2767033 w 12191941"/>
              <a:gd name="connsiteY1020" fmla="*/ 6040435 h 6857967"/>
              <a:gd name="connsiteX1021" fmla="*/ 2767033 w 12191941"/>
              <a:gd name="connsiteY1021" fmla="*/ 6111736 h 6857967"/>
              <a:gd name="connsiteX1022" fmla="*/ 2838334 w 12191941"/>
              <a:gd name="connsiteY1022" fmla="*/ 6111736 h 6857967"/>
              <a:gd name="connsiteX1023" fmla="*/ 2838334 w 12191941"/>
              <a:gd name="connsiteY1023" fmla="*/ 6040435 h 6857967"/>
              <a:gd name="connsiteX1024" fmla="*/ 2624361 w 12191941"/>
              <a:gd name="connsiteY1024" fmla="*/ 6040435 h 6857967"/>
              <a:gd name="connsiteX1025" fmla="*/ 2624361 w 12191941"/>
              <a:gd name="connsiteY1025" fmla="*/ 6111736 h 6857967"/>
              <a:gd name="connsiteX1026" fmla="*/ 2695662 w 12191941"/>
              <a:gd name="connsiteY1026" fmla="*/ 6111736 h 6857967"/>
              <a:gd name="connsiteX1027" fmla="*/ 2695662 w 12191941"/>
              <a:gd name="connsiteY1027" fmla="*/ 6040435 h 6857967"/>
              <a:gd name="connsiteX1028" fmla="*/ 2481690 w 12191941"/>
              <a:gd name="connsiteY1028" fmla="*/ 6040435 h 6857967"/>
              <a:gd name="connsiteX1029" fmla="*/ 2481690 w 12191941"/>
              <a:gd name="connsiteY1029" fmla="*/ 6111736 h 6857967"/>
              <a:gd name="connsiteX1030" fmla="*/ 2552991 w 12191941"/>
              <a:gd name="connsiteY1030" fmla="*/ 6111736 h 6857967"/>
              <a:gd name="connsiteX1031" fmla="*/ 2552991 w 12191941"/>
              <a:gd name="connsiteY1031" fmla="*/ 6040435 h 6857967"/>
              <a:gd name="connsiteX1032" fmla="*/ 2339091 w 12191941"/>
              <a:gd name="connsiteY1032" fmla="*/ 6040435 h 6857967"/>
              <a:gd name="connsiteX1033" fmla="*/ 2339091 w 12191941"/>
              <a:gd name="connsiteY1033" fmla="*/ 6111736 h 6857967"/>
              <a:gd name="connsiteX1034" fmla="*/ 2410392 w 12191941"/>
              <a:gd name="connsiteY1034" fmla="*/ 6111736 h 6857967"/>
              <a:gd name="connsiteX1035" fmla="*/ 2410392 w 12191941"/>
              <a:gd name="connsiteY1035" fmla="*/ 6040435 h 6857967"/>
              <a:gd name="connsiteX1036" fmla="*/ 2196420 w 12191941"/>
              <a:gd name="connsiteY1036" fmla="*/ 6040435 h 6857967"/>
              <a:gd name="connsiteX1037" fmla="*/ 2196420 w 12191941"/>
              <a:gd name="connsiteY1037" fmla="*/ 6111736 h 6857967"/>
              <a:gd name="connsiteX1038" fmla="*/ 2267721 w 12191941"/>
              <a:gd name="connsiteY1038" fmla="*/ 6111736 h 6857967"/>
              <a:gd name="connsiteX1039" fmla="*/ 2267721 w 12191941"/>
              <a:gd name="connsiteY1039" fmla="*/ 6040435 h 6857967"/>
              <a:gd name="connsiteX1040" fmla="*/ 2053813 w 12191941"/>
              <a:gd name="connsiteY1040" fmla="*/ 6040435 h 6857967"/>
              <a:gd name="connsiteX1041" fmla="*/ 2053813 w 12191941"/>
              <a:gd name="connsiteY1041" fmla="*/ 6111736 h 6857967"/>
              <a:gd name="connsiteX1042" fmla="*/ 2125117 w 12191941"/>
              <a:gd name="connsiteY1042" fmla="*/ 6111736 h 6857967"/>
              <a:gd name="connsiteX1043" fmla="*/ 2125117 w 12191941"/>
              <a:gd name="connsiteY1043" fmla="*/ 6040435 h 6857967"/>
              <a:gd name="connsiteX1044" fmla="*/ 1911141 w 12191941"/>
              <a:gd name="connsiteY1044" fmla="*/ 6040435 h 6857967"/>
              <a:gd name="connsiteX1045" fmla="*/ 1911141 w 12191941"/>
              <a:gd name="connsiteY1045" fmla="*/ 6111736 h 6857967"/>
              <a:gd name="connsiteX1046" fmla="*/ 1982442 w 12191941"/>
              <a:gd name="connsiteY1046" fmla="*/ 6111736 h 6857967"/>
              <a:gd name="connsiteX1047" fmla="*/ 1982442 w 12191941"/>
              <a:gd name="connsiteY1047" fmla="*/ 6040435 h 6857967"/>
              <a:gd name="connsiteX1048" fmla="*/ 1768471 w 12191941"/>
              <a:gd name="connsiteY1048" fmla="*/ 6040435 h 6857967"/>
              <a:gd name="connsiteX1049" fmla="*/ 1768471 w 12191941"/>
              <a:gd name="connsiteY1049" fmla="*/ 6111736 h 6857967"/>
              <a:gd name="connsiteX1050" fmla="*/ 1839771 w 12191941"/>
              <a:gd name="connsiteY1050" fmla="*/ 6111736 h 6857967"/>
              <a:gd name="connsiteX1051" fmla="*/ 1839771 w 12191941"/>
              <a:gd name="connsiteY1051" fmla="*/ 6040435 h 6857967"/>
              <a:gd name="connsiteX1052" fmla="*/ 1625870 w 12191941"/>
              <a:gd name="connsiteY1052" fmla="*/ 6040435 h 6857967"/>
              <a:gd name="connsiteX1053" fmla="*/ 1625870 w 12191941"/>
              <a:gd name="connsiteY1053" fmla="*/ 6111736 h 6857967"/>
              <a:gd name="connsiteX1054" fmla="*/ 1697171 w 12191941"/>
              <a:gd name="connsiteY1054" fmla="*/ 6111736 h 6857967"/>
              <a:gd name="connsiteX1055" fmla="*/ 1697171 w 12191941"/>
              <a:gd name="connsiteY1055" fmla="*/ 6040435 h 6857967"/>
              <a:gd name="connsiteX1056" fmla="*/ 1483200 w 12191941"/>
              <a:gd name="connsiteY1056" fmla="*/ 6040435 h 6857967"/>
              <a:gd name="connsiteX1057" fmla="*/ 1483200 w 12191941"/>
              <a:gd name="connsiteY1057" fmla="*/ 6111736 h 6857967"/>
              <a:gd name="connsiteX1058" fmla="*/ 1554500 w 12191941"/>
              <a:gd name="connsiteY1058" fmla="*/ 6111736 h 6857967"/>
              <a:gd name="connsiteX1059" fmla="*/ 1554500 w 12191941"/>
              <a:gd name="connsiteY1059" fmla="*/ 6040435 h 6857967"/>
              <a:gd name="connsiteX1060" fmla="*/ 1340599 w 12191941"/>
              <a:gd name="connsiteY1060" fmla="*/ 6040435 h 6857967"/>
              <a:gd name="connsiteX1061" fmla="*/ 1340599 w 12191941"/>
              <a:gd name="connsiteY1061" fmla="*/ 6111736 h 6857967"/>
              <a:gd name="connsiteX1062" fmla="*/ 1411901 w 12191941"/>
              <a:gd name="connsiteY1062" fmla="*/ 6111736 h 6857967"/>
              <a:gd name="connsiteX1063" fmla="*/ 1411901 w 12191941"/>
              <a:gd name="connsiteY1063" fmla="*/ 6040435 h 6857967"/>
              <a:gd name="connsiteX1064" fmla="*/ 1197930 w 12191941"/>
              <a:gd name="connsiteY1064" fmla="*/ 6040435 h 6857967"/>
              <a:gd name="connsiteX1065" fmla="*/ 1197930 w 12191941"/>
              <a:gd name="connsiteY1065" fmla="*/ 6111736 h 6857967"/>
              <a:gd name="connsiteX1066" fmla="*/ 1269231 w 12191941"/>
              <a:gd name="connsiteY1066" fmla="*/ 6111736 h 6857967"/>
              <a:gd name="connsiteX1067" fmla="*/ 1269231 w 12191941"/>
              <a:gd name="connsiteY1067" fmla="*/ 6040435 h 6857967"/>
              <a:gd name="connsiteX1068" fmla="*/ 1055312 w 12191941"/>
              <a:gd name="connsiteY1068" fmla="*/ 6040435 h 6857967"/>
              <a:gd name="connsiteX1069" fmla="*/ 1055312 w 12191941"/>
              <a:gd name="connsiteY1069" fmla="*/ 6111736 h 6857967"/>
              <a:gd name="connsiteX1070" fmla="*/ 1126613 w 12191941"/>
              <a:gd name="connsiteY1070" fmla="*/ 6111736 h 6857967"/>
              <a:gd name="connsiteX1071" fmla="*/ 1126613 w 12191941"/>
              <a:gd name="connsiteY1071" fmla="*/ 6040435 h 6857967"/>
              <a:gd name="connsiteX1072" fmla="*/ 912657 w 12191941"/>
              <a:gd name="connsiteY1072" fmla="*/ 6040435 h 6857967"/>
              <a:gd name="connsiteX1073" fmla="*/ 912657 w 12191941"/>
              <a:gd name="connsiteY1073" fmla="*/ 6111736 h 6857967"/>
              <a:gd name="connsiteX1074" fmla="*/ 983958 w 12191941"/>
              <a:gd name="connsiteY1074" fmla="*/ 6111736 h 6857967"/>
              <a:gd name="connsiteX1075" fmla="*/ 983958 w 12191941"/>
              <a:gd name="connsiteY1075" fmla="*/ 6040435 h 6857967"/>
              <a:gd name="connsiteX1076" fmla="*/ 771136 w 12191941"/>
              <a:gd name="connsiteY1076" fmla="*/ 6040435 h 6857967"/>
              <a:gd name="connsiteX1077" fmla="*/ 771136 w 12191941"/>
              <a:gd name="connsiteY1077" fmla="*/ 6111736 h 6857967"/>
              <a:gd name="connsiteX1078" fmla="*/ 842437 w 12191941"/>
              <a:gd name="connsiteY1078" fmla="*/ 6111736 h 6857967"/>
              <a:gd name="connsiteX1079" fmla="*/ 842437 w 12191941"/>
              <a:gd name="connsiteY1079" fmla="*/ 6040435 h 6857967"/>
              <a:gd name="connsiteX1080" fmla="*/ 628535 w 12191941"/>
              <a:gd name="connsiteY1080" fmla="*/ 6040435 h 6857967"/>
              <a:gd name="connsiteX1081" fmla="*/ 628535 w 12191941"/>
              <a:gd name="connsiteY1081" fmla="*/ 6111736 h 6857967"/>
              <a:gd name="connsiteX1082" fmla="*/ 699836 w 12191941"/>
              <a:gd name="connsiteY1082" fmla="*/ 6111736 h 6857967"/>
              <a:gd name="connsiteX1083" fmla="*/ 699836 w 12191941"/>
              <a:gd name="connsiteY1083" fmla="*/ 6040435 h 6857967"/>
              <a:gd name="connsiteX1084" fmla="*/ 485863 w 12191941"/>
              <a:gd name="connsiteY1084" fmla="*/ 6040435 h 6857967"/>
              <a:gd name="connsiteX1085" fmla="*/ 485863 w 12191941"/>
              <a:gd name="connsiteY1085" fmla="*/ 6111736 h 6857967"/>
              <a:gd name="connsiteX1086" fmla="*/ 557163 w 12191941"/>
              <a:gd name="connsiteY1086" fmla="*/ 6111736 h 6857967"/>
              <a:gd name="connsiteX1087" fmla="*/ 557163 w 12191941"/>
              <a:gd name="connsiteY1087" fmla="*/ 6040435 h 6857967"/>
              <a:gd name="connsiteX1088" fmla="*/ 343191 w 12191941"/>
              <a:gd name="connsiteY1088" fmla="*/ 6040435 h 6857967"/>
              <a:gd name="connsiteX1089" fmla="*/ 343191 w 12191941"/>
              <a:gd name="connsiteY1089" fmla="*/ 6111736 h 6857967"/>
              <a:gd name="connsiteX1090" fmla="*/ 414492 w 12191941"/>
              <a:gd name="connsiteY1090" fmla="*/ 6111736 h 6857967"/>
              <a:gd name="connsiteX1091" fmla="*/ 414492 w 12191941"/>
              <a:gd name="connsiteY1091" fmla="*/ 6040435 h 6857967"/>
              <a:gd name="connsiteX1092" fmla="*/ 200591 w 12191941"/>
              <a:gd name="connsiteY1092" fmla="*/ 6040435 h 6857967"/>
              <a:gd name="connsiteX1093" fmla="*/ 200591 w 12191941"/>
              <a:gd name="connsiteY1093" fmla="*/ 6111736 h 6857967"/>
              <a:gd name="connsiteX1094" fmla="*/ 271892 w 12191941"/>
              <a:gd name="connsiteY1094" fmla="*/ 6111736 h 6857967"/>
              <a:gd name="connsiteX1095" fmla="*/ 271892 w 12191941"/>
              <a:gd name="connsiteY1095" fmla="*/ 6040435 h 6857967"/>
              <a:gd name="connsiteX1096" fmla="*/ 57918 w 12191941"/>
              <a:gd name="connsiteY1096" fmla="*/ 6040435 h 6857967"/>
              <a:gd name="connsiteX1097" fmla="*/ 57918 w 12191941"/>
              <a:gd name="connsiteY1097" fmla="*/ 6111736 h 6857967"/>
              <a:gd name="connsiteX1098" fmla="*/ 129219 w 12191941"/>
              <a:gd name="connsiteY1098" fmla="*/ 6111736 h 6857967"/>
              <a:gd name="connsiteX1099" fmla="*/ 129219 w 12191941"/>
              <a:gd name="connsiteY1099" fmla="*/ 6040435 h 6857967"/>
              <a:gd name="connsiteX1100" fmla="*/ 0 w 12191941"/>
              <a:gd name="connsiteY1100" fmla="*/ 0 h 6857967"/>
              <a:gd name="connsiteX1101" fmla="*/ 12191941 w 12191941"/>
              <a:gd name="connsiteY1101" fmla="*/ 0 h 6857967"/>
              <a:gd name="connsiteX1102" fmla="*/ 12191941 w 12191941"/>
              <a:gd name="connsiteY1102" fmla="*/ 6857967 h 6857967"/>
              <a:gd name="connsiteX1103" fmla="*/ 0 w 12191941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2191941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2" y="6474347"/>
                </a:moveTo>
                <a:lnTo>
                  <a:pt x="5904022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7" y="6545648"/>
                </a:lnTo>
                <a:lnTo>
                  <a:pt x="5119527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1" y="6474347"/>
                </a:moveTo>
                <a:lnTo>
                  <a:pt x="4621341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2" y="6325709"/>
                </a:moveTo>
                <a:lnTo>
                  <a:pt x="5904022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7" y="6397010"/>
                </a:lnTo>
                <a:lnTo>
                  <a:pt x="5119527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1" y="6325709"/>
                </a:moveTo>
                <a:lnTo>
                  <a:pt x="4621341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7" y="6325709"/>
                </a:moveTo>
                <a:lnTo>
                  <a:pt x="4336067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2" y="6183107"/>
                </a:moveTo>
                <a:lnTo>
                  <a:pt x="5904022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7" y="6254408"/>
                </a:lnTo>
                <a:lnTo>
                  <a:pt x="5119527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1" y="6183107"/>
                </a:moveTo>
                <a:lnTo>
                  <a:pt x="4621341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7" y="6183107"/>
                </a:moveTo>
                <a:lnTo>
                  <a:pt x="4336067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2" y="6040435"/>
                </a:moveTo>
                <a:lnTo>
                  <a:pt x="5904022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7" y="6111736"/>
                </a:lnTo>
                <a:lnTo>
                  <a:pt x="5119527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1" y="6040435"/>
                </a:moveTo>
                <a:lnTo>
                  <a:pt x="4621341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7" y="6040435"/>
                </a:moveTo>
                <a:lnTo>
                  <a:pt x="4336067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2191941" y="0"/>
                </a:lnTo>
                <a:lnTo>
                  <a:pt x="12191941" y="6857967"/>
                </a:lnTo>
                <a:lnTo>
                  <a:pt x="0" y="6857967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bIns="900000" anchor="b">
            <a:noAutofit/>
          </a:bodyPr>
          <a:lstStyle>
            <a:lvl1pPr marL="0" indent="0">
              <a:buNone/>
              <a:defRPr b="0"/>
            </a:lvl1pPr>
          </a:lstStyle>
          <a:p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hier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ies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afbeelding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de Templafy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bibliotheek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/>
            </a:r>
            <a:b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óf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met de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rechtermuisknop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ies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voor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Opvulling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&gt;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Afbeelding</a:t>
            </a:r>
            <a:endParaRPr lang="en-US"/>
          </a:p>
        </p:txBody>
      </p:sp>
      <p:sp>
        <p:nvSpPr>
          <p:cNvPr id="250" name="Text Placeholder 249">
            <a:extLst>
              <a:ext uri="{FF2B5EF4-FFF2-40B4-BE49-F238E27FC236}">
                <a16:creationId xmlns:a16="http://schemas.microsoft.com/office/drawing/2014/main" id="{E0748938-00AC-4F09-808F-788D0CB4BC5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auto">
          <a:xfrm>
            <a:off x="2711234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rgbClr val="0C2074">
              <a:alpha val="12941"/>
            </a:srgbClr>
          </a:solidFill>
          <a:ln>
            <a:noFill/>
          </a:ln>
        </p:spPr>
        <p:txBody>
          <a:bodyPr wrap="square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en-GB" smtClean="0"/>
              <a:t>16/06/2022</a:t>
            </a:fld>
            <a:endParaRPr lang="en-GB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/>
          </a:p>
        </p:txBody>
      </p:sp>
      <p:sp>
        <p:nvSpPr>
          <p:cNvPr id="80" name="Text Placeholder 2059">
            <a:extLst>
              <a:ext uri="{FF2B5EF4-FFF2-40B4-BE49-F238E27FC236}">
                <a16:creationId xmlns:a16="http://schemas.microsoft.com/office/drawing/2014/main" id="{09052932-03B9-4400-AE30-DE65E4F075D0}"/>
              </a:ext>
            </a:extLst>
          </p:cNvPr>
          <p:cNvSpPr>
            <a:spLocks noGrp="1"/>
          </p:cNvSpPr>
          <p:nvPr userDrawn="1"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err="1"/>
              <a:t>Subregel</a:t>
            </a:r>
            <a:r>
              <a:rPr lang="nl-NL"/>
              <a:t> (optioneel)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7702988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endParaRPr lang="nl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16/06/2022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title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6/06/2022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title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16/06/2022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16/06/2022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16/06/2022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en-GB" smtClean="0"/>
              <a:pPr/>
              <a:t>16/06/2022</a:t>
            </a:fld>
            <a:endParaRPr lang="en-GB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3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7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30.xml"/><Relationship Id="rId5" Type="http://schemas.openxmlformats.org/officeDocument/2006/relationships/image" Target="../media/image11.png"/><Relationship Id="rId4" Type="http://schemas.openxmlformats.org/officeDocument/2006/relationships/notesSlide" Target="../notesSlides/notesSlide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5" Type="http://schemas.openxmlformats.org/officeDocument/2006/relationships/image" Target="../media/image12.png"/><Relationship Id="rId4" Type="http://schemas.openxmlformats.org/officeDocument/2006/relationships/notesSlide" Target="../notesSlides/notesSlide8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10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0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27.xml"/><Relationship Id="rId4" Type="http://schemas.openxmlformats.org/officeDocument/2006/relationships/image" Target="../media/image14.jpe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9.xml"/><Relationship Id="rId4" Type="http://schemas.openxmlformats.org/officeDocument/2006/relationships/image" Target="../media/image15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5" Type="http://schemas.openxmlformats.org/officeDocument/2006/relationships/hyperlink" Target="mailto:f.denhartog@erasmusmc.nl" TargetMode="External"/><Relationship Id="rId4" Type="http://schemas.openxmlformats.org/officeDocument/2006/relationships/image" Target="../media/image16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9.xml"/><Relationship Id="rId6" Type="http://schemas.openxmlformats.org/officeDocument/2006/relationships/image" Target="../media/image5.png"/><Relationship Id="rId5" Type="http://schemas.openxmlformats.org/officeDocument/2006/relationships/image" Target="../media/image4.jpeg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1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6.xml"/><Relationship Id="rId5" Type="http://schemas.openxmlformats.org/officeDocument/2006/relationships/image" Target="../media/image6.jpeg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0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3.xml"/><Relationship Id="rId4" Type="http://schemas.openxmlformats.org/officeDocument/2006/relationships/image" Target="../media/image9.png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eg"/><Relationship Id="rId1" Type="http://schemas.openxmlformats.org/officeDocument/2006/relationships/slideLayout" Target="../slideLayouts/slideLayout10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5.xml"/><Relationship Id="rId4" Type="http://schemas.openxmlformats.org/officeDocument/2006/relationships/notesSlide" Target="../notesSlides/notesSlide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16.xml"/><Relationship Id="rId4" Type="http://schemas.openxmlformats.org/officeDocument/2006/relationships/notesSlide" Target="../notesSlides/notesSlide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B456833-1624-4D86-B249-8ECBAAE6ED1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31825" y="313067"/>
            <a:ext cx="9531678" cy="2387600"/>
          </a:xfrm>
        </p:spPr>
        <p:txBody>
          <a:bodyPr/>
          <a:lstStyle/>
          <a:p>
            <a:r>
              <a:rPr lang="en-US" sz="3200" dirty="0" smtClean="0">
                <a:latin typeface="+mj-lt"/>
              </a:rPr>
              <a:t>Rives-</a:t>
            </a:r>
            <a:r>
              <a:rPr lang="en-US" sz="3200" dirty="0" err="1" smtClean="0">
                <a:latin typeface="+mj-lt"/>
              </a:rPr>
              <a:t>stoppa</a:t>
            </a:r>
            <a:r>
              <a:rPr lang="en-US" sz="3200" dirty="0" smtClean="0">
                <a:latin typeface="+mj-lt"/>
              </a:rPr>
              <a:t> (retro-rectus) Mesh Repair</a:t>
            </a:r>
            <a:endParaRPr lang="en-US" sz="3200" dirty="0">
              <a:latin typeface="+mj-lt"/>
            </a:endParaRPr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C618144A-6D57-4924-9F81-B557875234E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31824" y="2876824"/>
            <a:ext cx="9838557" cy="1655762"/>
          </a:xfrm>
        </p:spPr>
        <p:txBody>
          <a:bodyPr/>
          <a:lstStyle/>
          <a:p>
            <a:r>
              <a:rPr lang="en-US" b="0" i="1" dirty="0" smtClean="0"/>
              <a:t>A </a:t>
            </a:r>
            <a:r>
              <a:rPr lang="en-US" b="0" i="1" dirty="0"/>
              <a:t>Systematic Review and </a:t>
            </a:r>
            <a:r>
              <a:rPr lang="en-US" b="0" i="1" dirty="0" smtClean="0"/>
              <a:t>Meta-Analysis</a:t>
            </a:r>
          </a:p>
          <a:p>
            <a:endParaRPr lang="en-US" dirty="0"/>
          </a:p>
          <a:p>
            <a:r>
              <a:rPr lang="en-US" sz="2000" u="sng" dirty="0" smtClean="0"/>
              <a:t>Floris P.J. den Hartog, MD</a:t>
            </a:r>
            <a:r>
              <a:rPr lang="en-US" sz="2000" dirty="0" smtClean="0"/>
              <a:t> &amp; Dimitri Sneiders, MD, PhD, et al.</a:t>
            </a:r>
          </a:p>
          <a:p>
            <a:endParaRPr lang="en-US" sz="2000" dirty="0" smtClean="0"/>
          </a:p>
          <a:p>
            <a:endParaRPr lang="en-US" sz="2000" dirty="0" smtClean="0"/>
          </a:p>
          <a:p>
            <a:r>
              <a:rPr lang="en-US" sz="1400" dirty="0" err="1" smtClean="0"/>
              <a:t>RE</a:t>
            </a:r>
            <a:r>
              <a:rPr lang="en-US" sz="1400" b="0" dirty="0" err="1" smtClean="0"/>
              <a:t>search</a:t>
            </a:r>
            <a:r>
              <a:rPr lang="en-US" sz="1400" b="0" dirty="0" smtClean="0"/>
              <a:t> </a:t>
            </a:r>
            <a:r>
              <a:rPr lang="en-US" sz="1400" dirty="0" smtClean="0"/>
              <a:t>P</a:t>
            </a:r>
            <a:r>
              <a:rPr lang="en-US" sz="1400" b="0" dirty="0" smtClean="0"/>
              <a:t>rojects for </a:t>
            </a:r>
            <a:r>
              <a:rPr lang="en-US" sz="1400" dirty="0" smtClean="0"/>
              <a:t>A</a:t>
            </a:r>
            <a:r>
              <a:rPr lang="en-US" sz="1400" b="0" dirty="0" smtClean="0"/>
              <a:t>bdominal surgery </a:t>
            </a:r>
            <a:r>
              <a:rPr lang="en-US" sz="1400" dirty="0" smtClean="0"/>
              <a:t>I</a:t>
            </a:r>
            <a:r>
              <a:rPr lang="en-US" sz="1400" b="0" dirty="0" smtClean="0"/>
              <a:t>nnovation </a:t>
            </a:r>
            <a:r>
              <a:rPr lang="en-US" sz="1400" dirty="0" smtClean="0"/>
              <a:t>R</a:t>
            </a:r>
            <a:r>
              <a:rPr lang="en-US" sz="1400" b="0" dirty="0" smtClean="0"/>
              <a:t>otterdam (</a:t>
            </a:r>
            <a:r>
              <a:rPr lang="en-US" sz="1400" dirty="0" smtClean="0"/>
              <a:t>REPAIR</a:t>
            </a:r>
            <a:r>
              <a:rPr lang="en-US" sz="1400" b="0" dirty="0" smtClean="0"/>
              <a:t>) group</a:t>
            </a:r>
            <a:endParaRPr lang="en-US" sz="1600" dirty="0"/>
          </a:p>
          <a:p>
            <a:r>
              <a:rPr lang="en-US" sz="1400" b="0" dirty="0" err="1" smtClean="0"/>
              <a:t>ErasmusMC</a:t>
            </a:r>
            <a:r>
              <a:rPr lang="en-US" sz="1400" b="0" dirty="0" smtClean="0"/>
              <a:t>, University Medical Center, Rotterdam, The Netherlands</a:t>
            </a:r>
            <a:endParaRPr lang="en-US" sz="1400" b="0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D5565B28-B25A-4402-AA07-E6641313BF10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3AFCC2E-0589-4746-82E8-7BFB0C608E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r>
              <a:rPr lang="en-GB" dirty="0" smtClean="0"/>
              <a:t>MESH 2022</a:t>
            </a:r>
            <a:endParaRPr lang="en-GB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5F1A94C-A599-4FF5-8D80-ADD2213407F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/>
              <a:pPr/>
              <a:t>1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9885259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4AE6CD11-7A00-41B4-BA52-09DB435B70F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92E90C42-7A02-418D-8120-188437D0D0FD}"/>
              </a:ext>
            </a:extLst>
          </p:cNvPr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 smtClean="0"/>
              <a:t>2. Compare techniques – Recurrence</a:t>
            </a:r>
            <a:endParaRPr lang="en-US" u="sng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results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10</a:t>
            </a:fld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nl-NL"/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5"/>
          <a:srcRect b="58832"/>
          <a:stretch/>
        </p:blipFill>
        <p:spPr>
          <a:xfrm>
            <a:off x="0" y="1574508"/>
            <a:ext cx="12321566" cy="2909357"/>
          </a:xfrm>
          <a:prstGeom prst="rect">
            <a:avLst/>
          </a:prstGeom>
        </p:spPr>
      </p:pic>
      <p:sp>
        <p:nvSpPr>
          <p:cNvPr id="14" name="Rectangle 13"/>
          <p:cNvSpPr/>
          <p:nvPr/>
        </p:nvSpPr>
        <p:spPr>
          <a:xfrm>
            <a:off x="88135" y="3668617"/>
            <a:ext cx="8042313" cy="694063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5" name="TextBox 14"/>
          <p:cNvSpPr txBox="1"/>
          <p:nvPr/>
        </p:nvSpPr>
        <p:spPr>
          <a:xfrm>
            <a:off x="88134" y="4410431"/>
            <a:ext cx="12103865" cy="1569660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pPr algn="l"/>
            <a:r>
              <a:rPr lang="nl-NL" sz="2400" b="1" u="sng" dirty="0" smtClean="0">
                <a:solidFill>
                  <a:srgbClr val="FF0000"/>
                </a:solidFill>
                <a:ea typeface="Arial" charset="0"/>
                <a:cs typeface="Arial" charset="0"/>
              </a:rPr>
              <a:t>Retro-rectus versus </a:t>
            </a:r>
            <a:r>
              <a:rPr lang="nl-NL" sz="2400" b="1" u="sng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onlay</a:t>
            </a:r>
            <a:endParaRPr lang="nl-NL" sz="2400" b="1" u="sng" dirty="0" smtClean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pPr algn="l"/>
            <a:r>
              <a:rPr lang="nl-NL" sz="2400" b="1" u="sng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RCTs</a:t>
            </a:r>
            <a:r>
              <a:rPr lang="nl-NL" sz="2400" b="1" dirty="0" smtClean="0">
                <a:solidFill>
                  <a:srgbClr val="FF0000"/>
                </a:solidFill>
                <a:ea typeface="Arial" charset="0"/>
                <a:cs typeface="Arial" charset="0"/>
              </a:rPr>
              <a:t>		OR 0.33 		</a:t>
            </a:r>
            <a:r>
              <a:rPr lang="nl-NL" sz="2400" dirty="0" smtClean="0">
                <a:solidFill>
                  <a:srgbClr val="FF0000"/>
                </a:solidFill>
                <a:ea typeface="Arial" charset="0"/>
                <a:cs typeface="Arial" charset="0"/>
              </a:rPr>
              <a:t>566 </a:t>
            </a:r>
            <a:r>
              <a:rPr lang="nl-NL" sz="2400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patients</a:t>
            </a:r>
            <a:endParaRPr lang="nl-NL" sz="2400" dirty="0" smtClean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pPr algn="l"/>
            <a:endParaRPr lang="nl-NL" sz="2400" dirty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r>
              <a:rPr lang="nl-NL" sz="2400" dirty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 </a:t>
            </a:r>
            <a:r>
              <a:rPr lang="nl-NL" sz="2400" dirty="0" smtClean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3.0x </a:t>
            </a:r>
            <a:r>
              <a:rPr lang="nl-NL" sz="2400" dirty="0" err="1" smtClean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higher</a:t>
            </a:r>
            <a:r>
              <a:rPr lang="nl-NL" sz="2400" dirty="0" smtClean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 risk </a:t>
            </a:r>
            <a:r>
              <a:rPr lang="nl-NL" sz="2400" dirty="0" err="1" smtClean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for</a:t>
            </a:r>
            <a:r>
              <a:rPr lang="nl-NL" sz="2400" dirty="0" smtClean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 </a:t>
            </a:r>
            <a:r>
              <a:rPr lang="nl-NL" sz="2400" dirty="0" err="1" smtClean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recurrence</a:t>
            </a:r>
            <a:r>
              <a:rPr lang="nl-NL" sz="2400" dirty="0" smtClean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 </a:t>
            </a:r>
            <a:r>
              <a:rPr lang="nl-NL" sz="2400" dirty="0" err="1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with</a:t>
            </a:r>
            <a:r>
              <a:rPr lang="nl-NL" sz="2400" dirty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 </a:t>
            </a:r>
            <a:r>
              <a:rPr lang="nl-NL" sz="2400" dirty="0" err="1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onlay</a:t>
            </a:r>
            <a:endParaRPr lang="nl-NL" sz="2400" i="0" dirty="0" smtClean="0">
              <a:solidFill>
                <a:srgbClr val="FF0000"/>
              </a:solidFill>
              <a:ea typeface="Arial" charset="0"/>
              <a:cs typeface="Arial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4491025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 animBg="1"/>
      <p:bldP spid="15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4AE6CD11-7A00-41B4-BA52-09DB435B70F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92E90C42-7A02-418D-8120-188437D0D0FD}"/>
              </a:ext>
            </a:extLst>
          </p:cNvPr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 smtClean="0"/>
              <a:t>2. Compare techniques – Recurrence</a:t>
            </a:r>
            <a:endParaRPr lang="en-US" u="sng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results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11</a:t>
            </a:fld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nl-NL"/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 rotWithShape="1">
          <a:blip r:embed="rId5"/>
          <a:srcRect b="69660"/>
          <a:stretch/>
        </p:blipFill>
        <p:spPr>
          <a:xfrm>
            <a:off x="88134" y="2230129"/>
            <a:ext cx="11620500" cy="2187636"/>
          </a:xfrm>
          <a:prstGeom prst="rect">
            <a:avLst/>
          </a:prstGeom>
        </p:spPr>
      </p:pic>
      <p:sp>
        <p:nvSpPr>
          <p:cNvPr id="14" name="Rectangle 13"/>
          <p:cNvSpPr/>
          <p:nvPr/>
        </p:nvSpPr>
        <p:spPr>
          <a:xfrm>
            <a:off x="88135" y="3668617"/>
            <a:ext cx="8042313" cy="694063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5" name="TextBox 14"/>
          <p:cNvSpPr txBox="1"/>
          <p:nvPr/>
        </p:nvSpPr>
        <p:spPr>
          <a:xfrm>
            <a:off x="88134" y="4410431"/>
            <a:ext cx="12103865" cy="1569660"/>
          </a:xfrm>
          <a:prstGeom prst="rect">
            <a:avLst/>
          </a:prstGeom>
          <a:solidFill>
            <a:schemeClr val="bg1"/>
          </a:solidFill>
        </p:spPr>
        <p:txBody>
          <a:bodyPr wrap="square" rtlCol="0">
            <a:spAutoFit/>
          </a:bodyPr>
          <a:lstStyle/>
          <a:p>
            <a:pPr algn="l"/>
            <a:r>
              <a:rPr lang="nl-NL" sz="2400" b="1" u="sng" dirty="0" smtClean="0">
                <a:solidFill>
                  <a:srgbClr val="FF0000"/>
                </a:solidFill>
                <a:ea typeface="Arial" charset="0"/>
                <a:cs typeface="Arial" charset="0"/>
              </a:rPr>
              <a:t>Retro-rectus versus IPOM</a:t>
            </a:r>
          </a:p>
          <a:p>
            <a:r>
              <a:rPr lang="nl-NL" sz="2400" b="1" u="sng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RCTs</a:t>
            </a:r>
            <a:r>
              <a:rPr lang="nl-NL" sz="2400" b="1" dirty="0">
                <a:solidFill>
                  <a:srgbClr val="FF0000"/>
                </a:solidFill>
                <a:ea typeface="Arial" charset="0"/>
                <a:cs typeface="Arial" charset="0"/>
              </a:rPr>
              <a:t>	</a:t>
            </a:r>
            <a:r>
              <a:rPr lang="nl-NL" sz="2400" b="1" dirty="0" smtClean="0">
                <a:solidFill>
                  <a:srgbClr val="FF0000"/>
                </a:solidFill>
                <a:ea typeface="Arial" charset="0"/>
                <a:cs typeface="Arial" charset="0"/>
              </a:rPr>
              <a:t>	</a:t>
            </a:r>
            <a:r>
              <a:rPr lang="nl-NL" sz="2400" b="1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Not</a:t>
            </a:r>
            <a:r>
              <a:rPr lang="nl-NL" sz="2400" b="1" dirty="0" smtClean="0">
                <a:solidFill>
                  <a:srgbClr val="FF0000"/>
                </a:solidFill>
                <a:ea typeface="Arial" charset="0"/>
                <a:cs typeface="Arial" charset="0"/>
              </a:rPr>
              <a:t> significant	</a:t>
            </a:r>
            <a:r>
              <a:rPr lang="nl-NL" sz="2400" dirty="0" smtClean="0">
                <a:solidFill>
                  <a:srgbClr val="FF0000"/>
                </a:solidFill>
                <a:ea typeface="Arial" charset="0"/>
                <a:cs typeface="Arial" charset="0"/>
              </a:rPr>
              <a:t>297 </a:t>
            </a:r>
            <a:r>
              <a:rPr lang="nl-NL" sz="2400" dirty="0" err="1">
                <a:solidFill>
                  <a:srgbClr val="FF0000"/>
                </a:solidFill>
                <a:ea typeface="Arial" charset="0"/>
                <a:cs typeface="Arial" charset="0"/>
              </a:rPr>
              <a:t>patients</a:t>
            </a:r>
            <a:endParaRPr lang="nl-NL" sz="2400" dirty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endParaRPr lang="nl-NL" sz="2400" dirty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r>
              <a:rPr lang="nl-NL" sz="2400" dirty="0" smtClean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 no </a:t>
            </a:r>
            <a:r>
              <a:rPr lang="nl-NL" sz="2400" dirty="0" err="1" smtClean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difference</a:t>
            </a:r>
            <a:r>
              <a:rPr lang="nl-NL" sz="2400" dirty="0" smtClean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 in </a:t>
            </a:r>
            <a:r>
              <a:rPr lang="nl-NL" sz="2400" dirty="0" err="1" smtClean="0">
                <a:solidFill>
                  <a:srgbClr val="FF0000"/>
                </a:solidFill>
                <a:ea typeface="Arial" charset="0"/>
                <a:cs typeface="Arial" charset="0"/>
                <a:sym typeface="Wingdings" panose="05000000000000000000" pitchFamily="2" charset="2"/>
              </a:rPr>
              <a:t>recurrence</a:t>
            </a:r>
            <a:endParaRPr lang="nl-NL" sz="2400" dirty="0">
              <a:solidFill>
                <a:srgbClr val="FF0000"/>
              </a:solidFill>
              <a:ea typeface="Arial" charset="0"/>
              <a:cs typeface="Arial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9653231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 animBg="1"/>
      <p:bldP spid="15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" name="Content Placeholder 12"/>
          <p:cNvGraphicFramePr>
            <a:graphicFrameLocks noGrp="1"/>
          </p:cNvGraphicFramePr>
          <p:nvPr>
            <p:ph sz="half" idx="14"/>
            <p:extLst>
              <p:ext uri="{D42A27DB-BD31-4B8C-83A1-F6EECF244321}">
                <p14:modId xmlns:p14="http://schemas.microsoft.com/office/powerpoint/2010/main" val="1099038783"/>
              </p:ext>
            </p:extLst>
          </p:nvPr>
        </p:nvGraphicFramePr>
        <p:xfrm>
          <a:off x="631825" y="2641600"/>
          <a:ext cx="6125529" cy="11125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41843">
                  <a:extLst>
                    <a:ext uri="{9D8B030D-6E8A-4147-A177-3AD203B41FA5}">
                      <a16:colId xmlns:a16="http://schemas.microsoft.com/office/drawing/2014/main" val="2181922287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1275226823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720915956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dirty="0" smtClean="0"/>
                        <a:t>Versus </a:t>
                      </a:r>
                      <a:r>
                        <a:rPr lang="nl-NL" u="sng" dirty="0" err="1" smtClean="0"/>
                        <a:t>onlay</a:t>
                      </a:r>
                      <a:endParaRPr lang="nl-NL" u="sng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0" i="1" dirty="0" err="1" smtClean="0"/>
                        <a:t>Patients</a:t>
                      </a:r>
                      <a:endParaRPr lang="nl-NL" b="0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5579543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smtClean="0"/>
                        <a:t>SSI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chemeClr val="accent1">
                              <a:lumMod val="60000"/>
                              <a:lumOff val="40000"/>
                            </a:schemeClr>
                          </a:solidFill>
                        </a:rPr>
                        <a:t>0.40</a:t>
                      </a:r>
                      <a:endParaRPr lang="nl-NL" b="1" dirty="0">
                        <a:solidFill>
                          <a:schemeClr val="accent1">
                            <a:lumMod val="60000"/>
                            <a:lumOff val="4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1,632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229989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Seroma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chemeClr val="accent1">
                              <a:lumMod val="60000"/>
                              <a:lumOff val="40000"/>
                            </a:schemeClr>
                          </a:solidFill>
                        </a:rPr>
                        <a:t>0.36</a:t>
                      </a:r>
                      <a:endParaRPr lang="nl-NL" b="1" dirty="0">
                        <a:solidFill>
                          <a:schemeClr val="accent1">
                            <a:lumMod val="60000"/>
                            <a:lumOff val="4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1,592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18240313"/>
                  </a:ext>
                </a:extLst>
              </a:tr>
            </a:tbl>
          </a:graphicData>
        </a:graphic>
      </p:graphicFrame>
      <p:sp>
        <p:nvSpPr>
          <p:cNvPr id="6" name="Subtitle 5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/>
              <a:t>2. Compare techniques – </a:t>
            </a:r>
            <a:r>
              <a:rPr lang="en-US" dirty="0" smtClean="0"/>
              <a:t>Complications (all study types)</a:t>
            </a:r>
            <a:endParaRPr lang="en-US" u="sng" dirty="0"/>
          </a:p>
          <a:p>
            <a:endParaRPr lang="nl-NL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 smtClean="0"/>
              <a:t>Results</a:t>
            </a:r>
            <a:endParaRPr lang="nl-NL" dirty="0"/>
          </a:p>
        </p:txBody>
      </p:sp>
      <p:sp>
        <p:nvSpPr>
          <p:cNvPr id="8" name="Date Placeholder 7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2</a:t>
            </a:fld>
            <a:endParaRPr lang="en-GB"/>
          </a:p>
        </p:txBody>
      </p:sp>
      <p:sp>
        <p:nvSpPr>
          <p:cNvPr id="12" name="Text Placeholder 11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l-NL" dirty="0" smtClean="0"/>
              <a:t>Retro-rectus (</a:t>
            </a:r>
            <a:r>
              <a:rPr lang="nl-NL" dirty="0" err="1" smtClean="0"/>
              <a:t>odds</a:t>
            </a:r>
            <a:r>
              <a:rPr lang="nl-NL" dirty="0" smtClean="0"/>
              <a:t> </a:t>
            </a:r>
            <a:r>
              <a:rPr lang="nl-NL" dirty="0" err="1" smtClean="0"/>
              <a:t>ratios</a:t>
            </a:r>
            <a:r>
              <a:rPr lang="nl-NL" dirty="0" smtClean="0"/>
              <a:t>)</a:t>
            </a:r>
            <a:endParaRPr lang="nl-NL" dirty="0"/>
          </a:p>
        </p:txBody>
      </p:sp>
      <p:sp>
        <p:nvSpPr>
          <p:cNvPr id="14" name="TextBox 13"/>
          <p:cNvSpPr txBox="1"/>
          <p:nvPr/>
        </p:nvSpPr>
        <p:spPr>
          <a:xfrm>
            <a:off x="631824" y="4153359"/>
            <a:ext cx="10209211" cy="193899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2400" b="1" i="0" dirty="0" smtClean="0">
                <a:solidFill>
                  <a:schemeClr val="tx2">
                    <a:lumMod val="60000"/>
                    <a:lumOff val="40000"/>
                  </a:schemeClr>
                </a:solidFill>
                <a:ea typeface="Arial" charset="0"/>
                <a:cs typeface="Arial" charset="0"/>
              </a:rPr>
              <a:t>		   </a:t>
            </a:r>
            <a:r>
              <a:rPr lang="nl-NL" sz="2400" b="1" i="0" dirty="0" err="1" smtClean="0">
                <a:solidFill>
                  <a:schemeClr val="tx2">
                    <a:lumMod val="60000"/>
                    <a:lumOff val="40000"/>
                  </a:schemeClr>
                </a:solidFill>
                <a:ea typeface="Arial" charset="0"/>
                <a:cs typeface="Arial" charset="0"/>
              </a:rPr>
              <a:t>Favouring</a:t>
            </a:r>
            <a:r>
              <a:rPr lang="nl-NL" sz="2400" b="1" i="0" dirty="0" smtClean="0">
                <a:solidFill>
                  <a:schemeClr val="tx2">
                    <a:lumMod val="60000"/>
                    <a:lumOff val="40000"/>
                  </a:schemeClr>
                </a:solidFill>
                <a:ea typeface="Arial" charset="0"/>
                <a:cs typeface="Arial" charset="0"/>
              </a:rPr>
              <a:t> retro-rectus 	</a:t>
            </a:r>
            <a:endParaRPr lang="nl-NL" sz="2400" b="1" dirty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pPr algn="l"/>
            <a:endParaRPr lang="nl-NL" sz="2400" b="1" dirty="0">
              <a:solidFill>
                <a:schemeClr val="tx2">
                  <a:lumMod val="60000"/>
                  <a:lumOff val="40000"/>
                </a:schemeClr>
              </a:solidFill>
              <a:ea typeface="Arial" charset="0"/>
              <a:cs typeface="Arial" charset="0"/>
            </a:endParaRPr>
          </a:p>
          <a:p>
            <a:pPr algn="l"/>
            <a:endParaRPr lang="nl-NL" sz="2400" b="1" i="0" dirty="0" smtClean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pPr algn="l"/>
            <a:endParaRPr lang="nl-NL" sz="2400" b="1" dirty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pPr algn="l"/>
            <a:endParaRPr lang="nl-NL" sz="2400" b="1" i="0" dirty="0" smtClean="0">
              <a:solidFill>
                <a:srgbClr val="FF0000"/>
              </a:solidFill>
              <a:ea typeface="Arial" charset="0"/>
              <a:cs typeface="Arial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6149195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" name="Content Placeholder 12"/>
          <p:cNvGraphicFramePr>
            <a:graphicFrameLocks noGrp="1"/>
          </p:cNvGraphicFramePr>
          <p:nvPr>
            <p:ph sz="half" idx="14"/>
            <p:extLst>
              <p:ext uri="{D42A27DB-BD31-4B8C-83A1-F6EECF244321}">
                <p14:modId xmlns:p14="http://schemas.microsoft.com/office/powerpoint/2010/main" val="1920013746"/>
              </p:ext>
            </p:extLst>
          </p:nvPr>
        </p:nvGraphicFramePr>
        <p:xfrm>
          <a:off x="631825" y="2641600"/>
          <a:ext cx="10209215" cy="111252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41843">
                  <a:extLst>
                    <a:ext uri="{9D8B030D-6E8A-4147-A177-3AD203B41FA5}">
                      <a16:colId xmlns:a16="http://schemas.microsoft.com/office/drawing/2014/main" val="2181922287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1275226823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720915956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2573979942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1702144969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dirty="0" smtClean="0"/>
                        <a:t>Versus </a:t>
                      </a:r>
                      <a:r>
                        <a:rPr lang="nl-NL" u="sng" dirty="0" err="1" smtClean="0"/>
                        <a:t>onlay</a:t>
                      </a:r>
                      <a:endParaRPr lang="nl-NL" u="sng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0" i="1" dirty="0" err="1" smtClean="0"/>
                        <a:t>Patients</a:t>
                      </a:r>
                      <a:endParaRPr lang="nl-NL" b="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dirty="0" smtClean="0"/>
                        <a:t>Versus </a:t>
                      </a:r>
                      <a:r>
                        <a:rPr lang="nl-NL" u="sng" dirty="0" smtClean="0"/>
                        <a:t>IPOM</a:t>
                      </a:r>
                      <a:endParaRPr lang="nl-NL" u="sng" dirty="0"/>
                    </a:p>
                  </a:txBody>
                  <a:tcPr>
                    <a:solidFill>
                      <a:schemeClr val="accent5">
                        <a:lumMod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nl-NL" b="0" i="1" dirty="0" err="1" smtClean="0"/>
                        <a:t>Patients</a:t>
                      </a:r>
                      <a:endParaRPr lang="nl-NL" b="0" i="1" dirty="0"/>
                    </a:p>
                  </a:txBody>
                  <a:tcPr>
                    <a:solidFill>
                      <a:schemeClr val="accent5">
                        <a:lumMod val="5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5579543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smtClean="0"/>
                        <a:t>SSI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chemeClr val="accent1">
                              <a:lumMod val="60000"/>
                              <a:lumOff val="40000"/>
                            </a:schemeClr>
                          </a:solidFill>
                        </a:rPr>
                        <a:t>0.40</a:t>
                      </a:r>
                      <a:endParaRPr lang="nl-NL" b="1" dirty="0">
                        <a:solidFill>
                          <a:schemeClr val="accent1">
                            <a:lumMod val="60000"/>
                            <a:lumOff val="4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1,632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rgbClr val="FF0000"/>
                          </a:solidFill>
                        </a:rPr>
                        <a:t>1.8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u="none" dirty="0" smtClean="0"/>
                        <a:t>8,216</a:t>
                      </a:r>
                      <a:endParaRPr lang="nl-NL" i="1" u="none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2299898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Seroma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chemeClr val="accent1">
                              <a:lumMod val="60000"/>
                              <a:lumOff val="40000"/>
                            </a:schemeClr>
                          </a:solidFill>
                        </a:rPr>
                        <a:t>0.36</a:t>
                      </a:r>
                      <a:endParaRPr lang="nl-NL" b="1" dirty="0">
                        <a:solidFill>
                          <a:schemeClr val="accent1">
                            <a:lumMod val="60000"/>
                            <a:lumOff val="40000"/>
                          </a:schemeClr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1,592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0" dirty="0" smtClean="0"/>
                        <a:t>0.9*</a:t>
                      </a:r>
                      <a:endParaRPr lang="nl-NL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9,680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18240313"/>
                  </a:ext>
                </a:extLst>
              </a:tr>
            </a:tbl>
          </a:graphicData>
        </a:graphic>
      </p:graphicFrame>
      <p:sp>
        <p:nvSpPr>
          <p:cNvPr id="6" name="Subtitle 5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/>
              <a:t>2. Compare techniques – </a:t>
            </a:r>
            <a:r>
              <a:rPr lang="en-US" dirty="0" smtClean="0"/>
              <a:t>Complications (all study types)</a:t>
            </a:r>
            <a:endParaRPr lang="en-US" u="sng" dirty="0"/>
          </a:p>
          <a:p>
            <a:endParaRPr lang="nl-NL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 smtClean="0"/>
              <a:t>Results</a:t>
            </a:r>
            <a:endParaRPr lang="nl-NL" dirty="0"/>
          </a:p>
        </p:txBody>
      </p:sp>
      <p:sp>
        <p:nvSpPr>
          <p:cNvPr id="8" name="Date Placeholder 7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3</a:t>
            </a:fld>
            <a:endParaRPr lang="en-GB"/>
          </a:p>
        </p:txBody>
      </p:sp>
      <p:sp>
        <p:nvSpPr>
          <p:cNvPr id="12" name="Text Placeholder 11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l-NL" dirty="0" smtClean="0"/>
              <a:t>Retro-rectus (</a:t>
            </a:r>
            <a:r>
              <a:rPr lang="nl-NL" dirty="0" err="1" smtClean="0"/>
              <a:t>odds</a:t>
            </a:r>
            <a:r>
              <a:rPr lang="nl-NL" dirty="0" smtClean="0"/>
              <a:t> </a:t>
            </a:r>
            <a:r>
              <a:rPr lang="nl-NL" dirty="0" err="1" smtClean="0"/>
              <a:t>ratios</a:t>
            </a:r>
            <a:r>
              <a:rPr lang="nl-NL" dirty="0" smtClean="0"/>
              <a:t>)</a:t>
            </a:r>
            <a:endParaRPr lang="nl-NL" dirty="0"/>
          </a:p>
        </p:txBody>
      </p:sp>
      <p:sp>
        <p:nvSpPr>
          <p:cNvPr id="14" name="TextBox 13"/>
          <p:cNvSpPr txBox="1"/>
          <p:nvPr/>
        </p:nvSpPr>
        <p:spPr>
          <a:xfrm>
            <a:off x="631824" y="4153359"/>
            <a:ext cx="10209211" cy="218521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2400" b="1" i="0" dirty="0" smtClean="0">
                <a:solidFill>
                  <a:schemeClr val="tx2">
                    <a:lumMod val="60000"/>
                    <a:lumOff val="40000"/>
                  </a:schemeClr>
                </a:solidFill>
                <a:ea typeface="Arial" charset="0"/>
                <a:cs typeface="Arial" charset="0"/>
              </a:rPr>
              <a:t>		   </a:t>
            </a:r>
            <a:r>
              <a:rPr lang="nl-NL" sz="2400" b="1" i="0" dirty="0" err="1" smtClean="0">
                <a:solidFill>
                  <a:schemeClr val="tx2">
                    <a:lumMod val="60000"/>
                    <a:lumOff val="40000"/>
                  </a:schemeClr>
                </a:solidFill>
                <a:ea typeface="Arial" charset="0"/>
                <a:cs typeface="Arial" charset="0"/>
              </a:rPr>
              <a:t>Favouring</a:t>
            </a:r>
            <a:r>
              <a:rPr lang="nl-NL" sz="2400" b="1" i="0" dirty="0" smtClean="0">
                <a:solidFill>
                  <a:schemeClr val="tx2">
                    <a:lumMod val="60000"/>
                    <a:lumOff val="40000"/>
                  </a:schemeClr>
                </a:solidFill>
                <a:ea typeface="Arial" charset="0"/>
                <a:cs typeface="Arial" charset="0"/>
              </a:rPr>
              <a:t> retro-rectus 	</a:t>
            </a:r>
            <a:r>
              <a:rPr lang="nl-NL" sz="2400" b="1" dirty="0">
                <a:solidFill>
                  <a:schemeClr val="tx2">
                    <a:lumMod val="60000"/>
                    <a:lumOff val="40000"/>
                  </a:schemeClr>
                </a:solidFill>
                <a:ea typeface="Arial" charset="0"/>
                <a:cs typeface="Arial" charset="0"/>
              </a:rPr>
              <a:t> </a:t>
            </a:r>
            <a:r>
              <a:rPr lang="nl-NL" sz="2400" b="1" dirty="0" smtClean="0">
                <a:solidFill>
                  <a:schemeClr val="tx2">
                    <a:lumMod val="60000"/>
                    <a:lumOff val="40000"/>
                  </a:schemeClr>
                </a:solidFill>
                <a:ea typeface="Arial" charset="0"/>
                <a:cs typeface="Arial" charset="0"/>
              </a:rPr>
              <a:t>  </a:t>
            </a:r>
            <a:r>
              <a:rPr lang="nl-NL" sz="2400" b="1" i="0" dirty="0" smtClean="0">
                <a:solidFill>
                  <a:schemeClr val="tx2">
                    <a:lumMod val="60000"/>
                    <a:lumOff val="40000"/>
                  </a:schemeClr>
                </a:solidFill>
                <a:ea typeface="Arial" charset="0"/>
                <a:cs typeface="Arial" charset="0"/>
              </a:rPr>
              <a:t>      </a:t>
            </a:r>
            <a:r>
              <a:rPr lang="nl-NL" sz="2400" b="1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Favouring</a:t>
            </a:r>
            <a:r>
              <a:rPr lang="nl-NL" sz="2400" b="1" dirty="0" smtClean="0">
                <a:solidFill>
                  <a:srgbClr val="FF0000"/>
                </a:solidFill>
                <a:ea typeface="Arial" charset="0"/>
                <a:cs typeface="Arial" charset="0"/>
              </a:rPr>
              <a:t> </a:t>
            </a:r>
            <a:r>
              <a:rPr lang="nl-NL" sz="2400" b="1" dirty="0">
                <a:solidFill>
                  <a:srgbClr val="FF0000"/>
                </a:solidFill>
                <a:ea typeface="Arial" charset="0"/>
                <a:cs typeface="Arial" charset="0"/>
              </a:rPr>
              <a:t>IPOM</a:t>
            </a:r>
          </a:p>
          <a:p>
            <a:pPr algn="l"/>
            <a:endParaRPr lang="nl-NL" sz="2400" b="1" dirty="0">
              <a:solidFill>
                <a:schemeClr val="tx2">
                  <a:lumMod val="60000"/>
                  <a:lumOff val="40000"/>
                </a:schemeClr>
              </a:solidFill>
              <a:ea typeface="Arial" charset="0"/>
              <a:cs typeface="Arial" charset="0"/>
            </a:endParaRPr>
          </a:p>
          <a:p>
            <a:pPr algn="l"/>
            <a:endParaRPr lang="nl-NL" sz="2400" b="1" i="0" dirty="0" smtClean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pPr algn="l"/>
            <a:endParaRPr lang="nl-NL" sz="2400" b="1" dirty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pPr algn="l"/>
            <a:endParaRPr lang="nl-NL" sz="2400" b="1" i="0" dirty="0" smtClean="0">
              <a:solidFill>
                <a:srgbClr val="FF0000"/>
              </a:solidFill>
              <a:ea typeface="Arial" charset="0"/>
              <a:cs typeface="Arial" charset="0"/>
            </a:endParaRPr>
          </a:p>
          <a:p>
            <a:pPr algn="l"/>
            <a:r>
              <a:rPr lang="nl-NL" sz="1600" dirty="0" smtClean="0">
                <a:solidFill>
                  <a:srgbClr val="002060"/>
                </a:solidFill>
                <a:ea typeface="Arial" charset="0"/>
                <a:cs typeface="Arial" charset="0"/>
              </a:rPr>
              <a:t>*: </a:t>
            </a:r>
            <a:r>
              <a:rPr lang="nl-NL" sz="1600" dirty="0" err="1" smtClean="0">
                <a:solidFill>
                  <a:srgbClr val="002060"/>
                </a:solidFill>
                <a:ea typeface="Arial" charset="0"/>
                <a:cs typeface="Arial" charset="0"/>
              </a:rPr>
              <a:t>not</a:t>
            </a:r>
            <a:r>
              <a:rPr lang="nl-NL" sz="1600" dirty="0" smtClean="0">
                <a:solidFill>
                  <a:srgbClr val="002060"/>
                </a:solidFill>
                <a:ea typeface="Arial" charset="0"/>
                <a:cs typeface="Arial" charset="0"/>
              </a:rPr>
              <a:t> significant</a:t>
            </a:r>
            <a:endParaRPr lang="nl-NL" sz="1600" i="0" dirty="0" smtClean="0">
              <a:solidFill>
                <a:srgbClr val="002060"/>
              </a:solidFill>
              <a:ea typeface="Arial" charset="0"/>
              <a:cs typeface="Arial" charset="0"/>
            </a:endParaRPr>
          </a:p>
        </p:txBody>
      </p:sp>
      <p:pic>
        <p:nvPicPr>
          <p:cNvPr id="2050" name="Picture 2" descr="Intraperitoneal onlay mesh repair using Parietex (Sofradim, France) |  Download Scientific Diagram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76001" y="3197860"/>
            <a:ext cx="4565034" cy="35356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96820561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10207554" cy="823912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92E90C42-7A02-418D-8120-188437D0D0FD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10209210" cy="3215790"/>
          </a:xfrm>
        </p:spPr>
        <p:txBody>
          <a:bodyPr/>
          <a:lstStyle/>
          <a:p>
            <a:r>
              <a:rPr lang="en-US" dirty="0" smtClean="0"/>
              <a:t>Methodological concerns of included studies</a:t>
            </a:r>
          </a:p>
          <a:p>
            <a:endParaRPr lang="en-US" dirty="0"/>
          </a:p>
          <a:p>
            <a:r>
              <a:rPr lang="en-US" dirty="0" smtClean="0"/>
              <a:t>Underestimated recurrence rate: rarely used ultrasonography/CT-scan</a:t>
            </a:r>
          </a:p>
          <a:p>
            <a:endParaRPr lang="en-US" dirty="0"/>
          </a:p>
          <a:p>
            <a:r>
              <a:rPr lang="en-US" dirty="0" smtClean="0"/>
              <a:t>No functional outcomes (pain, </a:t>
            </a:r>
            <a:r>
              <a:rPr lang="en-US" dirty="0" err="1" smtClean="0"/>
              <a:t>QoL</a:t>
            </a:r>
            <a:r>
              <a:rPr lang="en-US" dirty="0" smtClean="0"/>
              <a:t>, </a:t>
            </a:r>
            <a:r>
              <a:rPr lang="en-US" dirty="0" err="1" smtClean="0"/>
              <a:t>cosmesis</a:t>
            </a:r>
            <a:r>
              <a:rPr lang="en-US" dirty="0" smtClean="0"/>
              <a:t>)</a:t>
            </a:r>
            <a:endParaRPr lang="en-US" dirty="0"/>
          </a:p>
        </p:txBody>
      </p:sp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limitations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14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9716037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/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10207554" cy="823912"/>
          </a:xfrm>
        </p:spPr>
        <p:txBody>
          <a:bodyPr/>
          <a:lstStyle/>
          <a:p>
            <a:r>
              <a:rPr lang="nl-NL" dirty="0" smtClean="0"/>
              <a:t>Retro-rectus (</a:t>
            </a:r>
            <a:r>
              <a:rPr lang="nl-NL" dirty="0" err="1" smtClean="0"/>
              <a:t>Rives-Stoppa</a:t>
            </a:r>
            <a:r>
              <a:rPr lang="nl-NL" dirty="0" smtClean="0"/>
              <a:t>) </a:t>
            </a:r>
            <a:r>
              <a:rPr lang="nl-NL" dirty="0" err="1" smtClean="0"/>
              <a:t>repair</a:t>
            </a:r>
            <a:endParaRPr lang="nl-NL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10209210" cy="3215790"/>
          </a:xfrm>
        </p:spPr>
        <p:txBody>
          <a:bodyPr/>
          <a:lstStyle/>
          <a:p>
            <a:r>
              <a:rPr lang="nl-NL" dirty="0" err="1" smtClean="0"/>
              <a:t>Favourable</a:t>
            </a:r>
            <a:r>
              <a:rPr lang="nl-NL" dirty="0" smtClean="0"/>
              <a:t> </a:t>
            </a:r>
            <a:r>
              <a:rPr lang="nl-NL" dirty="0" err="1" smtClean="0"/>
              <a:t>postoperative</a:t>
            </a:r>
            <a:r>
              <a:rPr lang="nl-NL" dirty="0" smtClean="0"/>
              <a:t> and long-term </a:t>
            </a:r>
            <a:r>
              <a:rPr lang="nl-NL" dirty="0" err="1" smtClean="0"/>
              <a:t>outcomes</a:t>
            </a:r>
            <a:endParaRPr lang="nl-NL" dirty="0" smtClean="0"/>
          </a:p>
          <a:p>
            <a:endParaRPr lang="nl-NL" dirty="0"/>
          </a:p>
          <a:p>
            <a:r>
              <a:rPr lang="nl-NL" dirty="0" smtClean="0"/>
              <a:t>Superior </a:t>
            </a:r>
            <a:r>
              <a:rPr lang="nl-NL" dirty="0" err="1" smtClean="0"/>
              <a:t>to</a:t>
            </a:r>
            <a:r>
              <a:rPr lang="nl-NL" dirty="0" smtClean="0"/>
              <a:t> </a:t>
            </a:r>
            <a:r>
              <a:rPr lang="nl-NL" u="sng" dirty="0" err="1" smtClean="0"/>
              <a:t>onlay</a:t>
            </a:r>
            <a:r>
              <a:rPr lang="nl-NL" dirty="0" smtClean="0"/>
              <a:t> </a:t>
            </a:r>
            <a:r>
              <a:rPr lang="nl-NL" dirty="0" err="1" smtClean="0"/>
              <a:t>regarding</a:t>
            </a:r>
            <a:r>
              <a:rPr lang="nl-NL" dirty="0" smtClean="0"/>
              <a:t> </a:t>
            </a:r>
            <a:r>
              <a:rPr lang="nl-NL" dirty="0" err="1" smtClean="0"/>
              <a:t>all</a:t>
            </a:r>
            <a:r>
              <a:rPr lang="nl-NL" dirty="0" smtClean="0"/>
              <a:t> </a:t>
            </a:r>
            <a:r>
              <a:rPr lang="nl-NL" dirty="0" err="1" smtClean="0"/>
              <a:t>outcomes</a:t>
            </a:r>
            <a:endParaRPr lang="nl-NL" dirty="0" smtClean="0"/>
          </a:p>
          <a:p>
            <a:endParaRPr lang="nl-NL" dirty="0"/>
          </a:p>
          <a:p>
            <a:r>
              <a:rPr lang="nl-NL" dirty="0" err="1" smtClean="0"/>
              <a:t>Equal</a:t>
            </a:r>
            <a:r>
              <a:rPr lang="nl-NL" dirty="0" smtClean="0"/>
              <a:t> </a:t>
            </a:r>
            <a:r>
              <a:rPr lang="nl-NL" dirty="0" err="1" smtClean="0"/>
              <a:t>to</a:t>
            </a:r>
            <a:r>
              <a:rPr lang="nl-NL" dirty="0" smtClean="0"/>
              <a:t> </a:t>
            </a:r>
            <a:r>
              <a:rPr lang="nl-NL" u="sng" dirty="0" smtClean="0"/>
              <a:t>IPOM</a:t>
            </a:r>
            <a:r>
              <a:rPr lang="nl-NL" dirty="0" smtClean="0"/>
              <a:t>, </a:t>
            </a:r>
            <a:r>
              <a:rPr lang="nl-NL" dirty="0" err="1" smtClean="0"/>
              <a:t>except</a:t>
            </a:r>
            <a:r>
              <a:rPr lang="nl-NL" dirty="0" smtClean="0"/>
              <a:t> SSI </a:t>
            </a:r>
            <a:r>
              <a:rPr lang="nl-NL" dirty="0" smtClean="0">
                <a:sym typeface="Wingdings" panose="05000000000000000000" pitchFamily="2" charset="2"/>
              </a:rPr>
              <a:t> </a:t>
            </a:r>
            <a:r>
              <a:rPr lang="nl-NL" i="1" dirty="0" err="1" smtClean="0">
                <a:sym typeface="Wingdings" panose="05000000000000000000" pitchFamily="2" charset="2"/>
              </a:rPr>
              <a:t>minimally-invasive</a:t>
            </a:r>
            <a:endParaRPr lang="nl-NL" i="1" dirty="0" smtClean="0"/>
          </a:p>
          <a:p>
            <a:endParaRPr lang="nl-NL" dirty="0"/>
          </a:p>
          <a:p>
            <a:r>
              <a:rPr lang="nl-NL" dirty="0" err="1" smtClean="0"/>
              <a:t>Initial</a:t>
            </a:r>
            <a:r>
              <a:rPr lang="nl-NL" dirty="0" smtClean="0"/>
              <a:t> open </a:t>
            </a:r>
            <a:r>
              <a:rPr lang="nl-NL" dirty="0" err="1" smtClean="0"/>
              <a:t>repair</a:t>
            </a:r>
            <a:r>
              <a:rPr lang="nl-NL" dirty="0" smtClean="0"/>
              <a:t>: </a:t>
            </a:r>
            <a:r>
              <a:rPr lang="nl-NL" b="1" dirty="0" smtClean="0"/>
              <a:t>retro-rectus (</a:t>
            </a:r>
            <a:r>
              <a:rPr lang="nl-NL" b="1" dirty="0" err="1" smtClean="0"/>
              <a:t>Rives-Stoppa</a:t>
            </a:r>
            <a:r>
              <a:rPr lang="nl-NL" b="1" dirty="0" smtClean="0"/>
              <a:t>) </a:t>
            </a:r>
            <a:r>
              <a:rPr lang="nl-NL" b="1" dirty="0" err="1" smtClean="0"/>
              <a:t>repair</a:t>
            </a:r>
            <a:endParaRPr lang="nl-NL" dirty="0"/>
          </a:p>
        </p:txBody>
      </p:sp>
      <p:sp>
        <p:nvSpPr>
          <p:cNvPr id="6" name="Subtitle 5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 smtClean="0"/>
              <a:t>conclusions</a:t>
            </a:r>
            <a:endParaRPr lang="nl-NL" dirty="0"/>
          </a:p>
        </p:txBody>
      </p:sp>
      <p:sp>
        <p:nvSpPr>
          <p:cNvPr id="8" name="Date Placeholder 7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9372273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4AE6CD11-7A00-41B4-BA52-09DB435B70F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92E90C42-7A02-418D-8120-188437D0D0FD}"/>
              </a:ext>
            </a:extLst>
          </p:cNvPr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78E73545-4B28-4A4B-BB5F-E7F9B668B4F6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Future?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16</a:t>
            </a:fld>
            <a:endParaRPr lang="en-GB"/>
          </a:p>
        </p:txBody>
      </p:sp>
      <p:pic>
        <p:nvPicPr>
          <p:cNvPr id="7170" name="Picture 2" descr="The endoscopic retromuscular repair of ventral hernia: the eTEP technique  and early results | SpringerLink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550283" y="1818172"/>
            <a:ext cx="6524625" cy="408622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5809942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4AE6CD11-7A00-41B4-BA52-09DB435B70F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92E90C42-7A02-418D-8120-188437D0D0FD}"/>
              </a:ext>
            </a:extLst>
          </p:cNvPr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78E73545-4B28-4A4B-BB5F-E7F9B668B4F6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Acknowledgements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17</a:t>
            </a:fld>
            <a:endParaRPr lang="en-GB"/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9143" y="2016911"/>
            <a:ext cx="9782175" cy="3267075"/>
          </a:xfrm>
          <a:prstGeom prst="rect">
            <a:avLst/>
          </a:prstGeom>
        </p:spPr>
      </p:pic>
      <p:sp>
        <p:nvSpPr>
          <p:cNvPr id="3" name="Rectangle 2"/>
          <p:cNvSpPr/>
          <p:nvPr/>
        </p:nvSpPr>
        <p:spPr>
          <a:xfrm>
            <a:off x="1562356" y="3955055"/>
            <a:ext cx="8485027" cy="1350405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7085154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77910" y="4115642"/>
            <a:ext cx="2407796" cy="240779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10207554" cy="823912"/>
          </a:xfrm>
        </p:spPr>
        <p:txBody>
          <a:bodyPr/>
          <a:lstStyle/>
          <a:p>
            <a:r>
              <a:rPr lang="en-US" dirty="0" smtClean="0"/>
              <a:t>Contact information</a:t>
            </a:r>
            <a:endParaRPr lang="en-US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92E90C42-7A02-418D-8120-188437D0D0FD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7" y="2642084"/>
            <a:ext cx="10209210" cy="3215790"/>
          </a:xfrm>
        </p:spPr>
        <p:txBody>
          <a:bodyPr/>
          <a:lstStyle/>
          <a:p>
            <a:pPr marL="0" indent="0">
              <a:buNone/>
            </a:pPr>
            <a:r>
              <a:rPr lang="en-US" dirty="0" smtClean="0"/>
              <a:t>Floris P.J. den Hartog, MD</a:t>
            </a:r>
          </a:p>
          <a:p>
            <a:pPr marL="0" indent="0">
              <a:buNone/>
            </a:pPr>
            <a:endParaRPr lang="en-US" dirty="0" smtClean="0"/>
          </a:p>
          <a:p>
            <a:pPr marL="0" indent="0">
              <a:buNone/>
            </a:pPr>
            <a:r>
              <a:rPr lang="en-US" sz="2000" dirty="0" smtClean="0"/>
              <a:t>Institution	</a:t>
            </a:r>
            <a:r>
              <a:rPr lang="en-US" sz="2000" dirty="0" err="1" smtClean="0"/>
              <a:t>ErasmusMC</a:t>
            </a:r>
            <a:r>
              <a:rPr lang="en-US" sz="2000" dirty="0" smtClean="0"/>
              <a:t> </a:t>
            </a:r>
            <a:r>
              <a:rPr lang="en-US" sz="2000" dirty="0"/>
              <a:t>University Hospital, Rotterdam, The </a:t>
            </a:r>
            <a:r>
              <a:rPr lang="en-US" sz="2000" dirty="0" smtClean="0"/>
              <a:t>Netherlands</a:t>
            </a:r>
          </a:p>
          <a:p>
            <a:pPr marL="0" indent="0">
              <a:buNone/>
            </a:pPr>
            <a:r>
              <a:rPr lang="en-US" sz="2000" dirty="0" smtClean="0"/>
              <a:t>E-mail		</a:t>
            </a:r>
            <a:r>
              <a:rPr lang="en-US" sz="2000" dirty="0" smtClean="0">
                <a:hlinkClick r:id="rId5"/>
              </a:rPr>
              <a:t>f.denhartog@erasmusmc.nl</a:t>
            </a:r>
            <a:endParaRPr lang="en-US" sz="2000" dirty="0" smtClean="0"/>
          </a:p>
          <a:p>
            <a:pPr marL="0" indent="0">
              <a:buNone/>
            </a:pPr>
            <a:r>
              <a:rPr lang="en-US" sz="2000" dirty="0" err="1" smtClean="0"/>
              <a:t>ORCiD</a:t>
            </a:r>
            <a:r>
              <a:rPr lang="en-US" sz="2000" dirty="0" smtClean="0"/>
              <a:t>		</a:t>
            </a:r>
            <a:endParaRPr lang="en-US" dirty="0" smtClean="0"/>
          </a:p>
        </p:txBody>
      </p:sp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/>
              <a:t>p</a:t>
            </a:r>
            <a:r>
              <a:rPr lang="en-US" dirty="0" smtClean="0"/>
              <a:t>our </a:t>
            </a:r>
            <a:r>
              <a:rPr lang="en-US" dirty="0" err="1" smtClean="0"/>
              <a:t>votre</a:t>
            </a:r>
            <a:r>
              <a:rPr lang="en-US" dirty="0" smtClean="0"/>
              <a:t> attention</a:t>
            </a:r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Merci à </a:t>
            </a:r>
            <a:r>
              <a:rPr lang="en-US" dirty="0" err="1" smtClean="0"/>
              <a:t>tous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18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0196591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4AE6CD11-7A00-41B4-BA52-09DB435B70F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92E90C42-7A02-418D-8120-188437D0D0FD}"/>
              </a:ext>
            </a:extLst>
          </p:cNvPr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78E73545-4B28-4A4B-BB5F-E7F9B668B4F6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19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3321759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4AE6CD11-7A00-41B4-BA52-09DB435B70F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92E90C42-7A02-418D-8120-188437D0D0FD}"/>
              </a:ext>
            </a:extLst>
          </p:cNvPr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78E73545-4B28-4A4B-BB5F-E7F9B668B4F6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Background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 smtClean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</a:t>
            </a:r>
            <a:r>
              <a:rPr lang="en-US" dirty="0" smtClean="0"/>
              <a:t>Mesh Repair </a:t>
            </a:r>
            <a:r>
              <a:rPr lang="en-US" dirty="0"/>
              <a:t>as Treatment for Noncomplex Ventral Abdominal </a:t>
            </a:r>
            <a:r>
              <a:rPr lang="en-US" dirty="0" smtClean="0"/>
              <a:t>Wall Hernia</a:t>
            </a:r>
            <a:r>
              <a:rPr lang="en-US" dirty="0"/>
              <a:t>, a Systematic Review and </a:t>
            </a:r>
            <a:r>
              <a:rPr lang="en-US" dirty="0" smtClean="0"/>
              <a:t>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1028" name="Picture 4" descr="The Workings of the Gold Standard | AIER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09110" y="2029023"/>
            <a:ext cx="3831926" cy="287394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4" name="Picture 2"/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5733" y="1753586"/>
            <a:ext cx="5186897" cy="342481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9087380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ekst 1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3" name="Tijdelijke aanduiding voor tekst 2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4" name="Tijdelijke aanduiding voor inhoud 3"/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endParaRPr lang="nl-NL" dirty="0"/>
          </a:p>
        </p:txBody>
      </p:sp>
      <p:pic>
        <p:nvPicPr>
          <p:cNvPr id="12" name="Tijdelijke aanduiding voor inhoud 11"/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67140" y="1313197"/>
            <a:ext cx="7786181" cy="5354201"/>
          </a:xfrm>
        </p:spPr>
      </p:pic>
      <p:sp>
        <p:nvSpPr>
          <p:cNvPr id="6" name="Ondertitel 5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/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 smtClean="0"/>
              <a:t>Howard</a:t>
            </a:r>
            <a:r>
              <a:rPr lang="nl-NL" dirty="0" smtClean="0"/>
              <a:t> et al. </a:t>
            </a:r>
            <a:r>
              <a:rPr lang="nl-NL" dirty="0" err="1" smtClean="0"/>
              <a:t>Jama</a:t>
            </a:r>
            <a:r>
              <a:rPr lang="nl-NL" dirty="0" smtClean="0"/>
              <a:t> 2022</a:t>
            </a:r>
            <a:endParaRPr lang="nl-NL" dirty="0"/>
          </a:p>
        </p:txBody>
      </p:sp>
      <p:sp>
        <p:nvSpPr>
          <p:cNvPr id="8" name="Tijdelijke aanduiding voor datum 7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en-GB" smtClean="0"/>
              <a:t>16/06/2022</a:t>
            </a:fld>
            <a:endParaRPr lang="en-GB"/>
          </a:p>
        </p:txBody>
      </p:sp>
      <p:sp>
        <p:nvSpPr>
          <p:cNvPr id="9" name="Tijdelijke aanduiding voor voettekst 8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ijdelijke aanduiding voor dianummer 9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0</a:t>
            </a:fld>
            <a:endParaRPr lang="en-GB"/>
          </a:p>
        </p:txBody>
      </p:sp>
      <p:sp>
        <p:nvSpPr>
          <p:cNvPr id="13" name="Tekstvak 12"/>
          <p:cNvSpPr txBox="1"/>
          <p:nvPr/>
        </p:nvSpPr>
        <p:spPr>
          <a:xfrm>
            <a:off x="8741224" y="1768463"/>
            <a:ext cx="720069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2400" b="1" i="0" dirty="0" smtClean="0">
                <a:solidFill>
                  <a:srgbClr val="FF0000"/>
                </a:solidFill>
                <a:ea typeface="Arial" charset="0"/>
                <a:cs typeface="Arial" charset="0"/>
              </a:rPr>
              <a:t>16%</a:t>
            </a:r>
            <a:endParaRPr lang="nl-NL" sz="2400" b="1" i="0" dirty="0" smtClean="0">
              <a:solidFill>
                <a:srgbClr val="FF0000"/>
              </a:solidFill>
              <a:ea typeface="Arial" charset="0"/>
              <a:cs typeface="Arial" charset="0"/>
            </a:endParaRPr>
          </a:p>
        </p:txBody>
      </p:sp>
      <p:sp>
        <p:nvSpPr>
          <p:cNvPr id="14" name="Tekstvak 13"/>
          <p:cNvSpPr txBox="1"/>
          <p:nvPr/>
        </p:nvSpPr>
        <p:spPr>
          <a:xfrm>
            <a:off x="2786795" y="3753355"/>
            <a:ext cx="718466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2400" b="1" i="0" dirty="0" smtClean="0">
                <a:solidFill>
                  <a:srgbClr val="FF0000"/>
                </a:solidFill>
                <a:ea typeface="Arial" charset="0"/>
                <a:cs typeface="Arial" charset="0"/>
              </a:rPr>
              <a:t>~6%</a:t>
            </a:r>
            <a:endParaRPr lang="nl-NL" sz="2400" b="1" i="0" dirty="0" smtClean="0">
              <a:solidFill>
                <a:srgbClr val="FF0000"/>
              </a:solidFill>
              <a:ea typeface="Arial" charset="0"/>
              <a:cs typeface="Arial" charset="0"/>
            </a:endParaRPr>
          </a:p>
        </p:txBody>
      </p:sp>
      <p:sp>
        <p:nvSpPr>
          <p:cNvPr id="15" name="Tekstvak 14"/>
          <p:cNvSpPr txBox="1"/>
          <p:nvPr/>
        </p:nvSpPr>
        <p:spPr>
          <a:xfrm>
            <a:off x="3505261" y="5730151"/>
            <a:ext cx="1087927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2400" b="1" i="0" dirty="0" smtClean="0">
                <a:solidFill>
                  <a:srgbClr val="FF0000"/>
                </a:solidFill>
                <a:ea typeface="Arial" charset="0"/>
                <a:cs typeface="Arial" charset="0"/>
              </a:rPr>
              <a:t>2 </a:t>
            </a:r>
            <a:r>
              <a:rPr lang="nl-NL" sz="2400" b="1" i="0" dirty="0" err="1" smtClean="0">
                <a:solidFill>
                  <a:srgbClr val="FF0000"/>
                </a:solidFill>
                <a:ea typeface="Arial" charset="0"/>
                <a:cs typeface="Arial" charset="0"/>
              </a:rPr>
              <a:t>years</a:t>
            </a:r>
            <a:endParaRPr lang="nl-NL" sz="2400" b="1" i="0" dirty="0" smtClean="0">
              <a:solidFill>
                <a:srgbClr val="FF0000"/>
              </a:solidFill>
              <a:ea typeface="Arial" charset="0"/>
              <a:cs typeface="Arial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9105161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4AE6CD11-7A00-41B4-BA52-09DB435B70F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78E73545-4B28-4A4B-BB5F-E7F9B668B4F6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background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/>
          </a:p>
        </p:txBody>
      </p:sp>
      <p:pic>
        <p:nvPicPr>
          <p:cNvPr id="2052" name="Picture 4" descr="Types of studies - Nursing - LibGuides at Triton College"/>
          <p:cNvPicPr>
            <a:picLocks noGrp="1" noChangeAspect="1" noChangeArrowheads="1"/>
          </p:cNvPicPr>
          <p:nvPr>
            <p:ph sz="half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331126" y="1818172"/>
            <a:ext cx="4810608" cy="32162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Rectangle 1"/>
          <p:cNvSpPr/>
          <p:nvPr/>
        </p:nvSpPr>
        <p:spPr>
          <a:xfrm>
            <a:off x="4939378" y="1847412"/>
            <a:ext cx="1746504" cy="964174"/>
          </a:xfrm>
          <a:prstGeom prst="rect">
            <a:avLst/>
          </a:prstGeom>
          <a:noFill/>
          <a:ln w="762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2843686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r>
              <a:rPr lang="nl-NL" dirty="0" err="1" smtClean="0"/>
              <a:t>Recurrence</a:t>
            </a:r>
            <a:endParaRPr lang="nl-NL" dirty="0" smtClean="0"/>
          </a:p>
          <a:p>
            <a:r>
              <a:rPr lang="nl-NL" dirty="0" err="1" smtClean="0"/>
              <a:t>Surgical</a:t>
            </a:r>
            <a:r>
              <a:rPr lang="nl-NL" dirty="0" smtClean="0"/>
              <a:t> site </a:t>
            </a:r>
            <a:r>
              <a:rPr lang="nl-NL" dirty="0" err="1" smtClean="0"/>
              <a:t>infection</a:t>
            </a:r>
            <a:endParaRPr lang="nl-NL" dirty="0" smtClean="0"/>
          </a:p>
          <a:p>
            <a:r>
              <a:rPr lang="nl-NL" dirty="0" err="1" smtClean="0"/>
              <a:t>Seroma</a:t>
            </a:r>
            <a:endParaRPr lang="nl-NL" dirty="0" smtClean="0"/>
          </a:p>
          <a:p>
            <a:endParaRPr lang="nl-NL" dirty="0"/>
          </a:p>
          <a:p>
            <a:r>
              <a:rPr lang="nl-NL" dirty="0" err="1" smtClean="0"/>
              <a:t>Serious</a:t>
            </a:r>
            <a:r>
              <a:rPr lang="nl-NL" dirty="0" smtClean="0"/>
              <a:t> </a:t>
            </a:r>
            <a:r>
              <a:rPr lang="nl-NL" dirty="0" err="1" smtClean="0"/>
              <a:t>complications</a:t>
            </a:r>
            <a:r>
              <a:rPr lang="nl-NL" dirty="0" smtClean="0"/>
              <a:t> (C-D </a:t>
            </a:r>
            <a:r>
              <a:rPr lang="nl-NL" u="sng" dirty="0" smtClean="0"/>
              <a:t>&gt;</a:t>
            </a:r>
            <a:r>
              <a:rPr lang="nl-NL" dirty="0" smtClean="0"/>
              <a:t> 3)</a:t>
            </a:r>
          </a:p>
          <a:p>
            <a:r>
              <a:rPr lang="nl-NL" dirty="0" err="1" smtClean="0"/>
              <a:t>Mortality</a:t>
            </a:r>
            <a:endParaRPr lang="nl-NL" dirty="0"/>
          </a:p>
        </p:txBody>
      </p:sp>
      <p:sp>
        <p:nvSpPr>
          <p:cNvPr id="5" name="Content Placeholder 4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6" name="Subtitle 5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1. </a:t>
            </a:r>
            <a:r>
              <a:rPr lang="nl-NL" dirty="0" err="1" smtClean="0"/>
              <a:t>Outcomes</a:t>
            </a:r>
            <a:endParaRPr lang="nl-NL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 smtClean="0"/>
              <a:t>Objective</a:t>
            </a:r>
            <a:endParaRPr lang="nl-NL" dirty="0"/>
          </a:p>
        </p:txBody>
      </p:sp>
      <p:sp>
        <p:nvSpPr>
          <p:cNvPr id="8" name="Date Placeholder 7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  <a:p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4</a:t>
            </a:fld>
            <a:endParaRPr lang="en-GB"/>
          </a:p>
        </p:txBody>
      </p:sp>
      <p:pic>
        <p:nvPicPr>
          <p:cNvPr id="5122" name="Picture 2" descr="Polypropylene Hernia Mesh | What Is Polypropylene?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74270" y="3108809"/>
            <a:ext cx="2905125" cy="19240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7284389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5" name="Content Placeholder 4"/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6" name="Subtitle 5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 smtClean="0"/>
              <a:t>2. </a:t>
            </a:r>
            <a:r>
              <a:rPr lang="nl-NL" dirty="0" err="1" smtClean="0"/>
              <a:t>Compare</a:t>
            </a:r>
            <a:r>
              <a:rPr lang="nl-NL" dirty="0" smtClean="0"/>
              <a:t> </a:t>
            </a:r>
            <a:r>
              <a:rPr lang="nl-NL" dirty="0" err="1" smtClean="0"/>
              <a:t>techniques</a:t>
            </a:r>
            <a:endParaRPr lang="nl-NL" dirty="0"/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 smtClean="0"/>
              <a:t>Objective</a:t>
            </a:r>
            <a:endParaRPr lang="nl-NL" dirty="0"/>
          </a:p>
        </p:txBody>
      </p:sp>
      <p:sp>
        <p:nvSpPr>
          <p:cNvPr id="8" name="Date Placeholder 7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9" name="Footer Placeholder 8"/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  <a:p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5</a:t>
            </a:fld>
            <a:endParaRPr lang="en-GB"/>
          </a:p>
        </p:txBody>
      </p:sp>
      <p:pic>
        <p:nvPicPr>
          <p:cNvPr id="4098" name="Picture 3" descr="muysoms_parker_fig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4171"/>
          <a:stretch>
            <a:fillRect/>
          </a:stretch>
        </p:blipFill>
        <p:spPr bwMode="auto">
          <a:xfrm>
            <a:off x="-313772" y="1797366"/>
            <a:ext cx="12761062" cy="290862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1" name="Rectangle 10"/>
          <p:cNvSpPr/>
          <p:nvPr/>
        </p:nvSpPr>
        <p:spPr>
          <a:xfrm>
            <a:off x="5170595" y="1940388"/>
            <a:ext cx="553930" cy="263474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3" name="Rectangle 12"/>
          <p:cNvSpPr/>
          <p:nvPr/>
        </p:nvSpPr>
        <p:spPr>
          <a:xfrm>
            <a:off x="6476741" y="4022257"/>
            <a:ext cx="962027" cy="296553"/>
          </a:xfrm>
          <a:prstGeom prst="rect">
            <a:avLst/>
          </a:prstGeom>
          <a:noFill/>
          <a:ln w="38100">
            <a:solidFill>
              <a:srgbClr val="00B0F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4" name="Rectangle 13"/>
          <p:cNvSpPr/>
          <p:nvPr/>
        </p:nvSpPr>
        <p:spPr>
          <a:xfrm>
            <a:off x="7638024" y="4023696"/>
            <a:ext cx="1176462" cy="296553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cxnSp>
        <p:nvCxnSpPr>
          <p:cNvPr id="15" name="Straight Arrow Connector 14"/>
          <p:cNvCxnSpPr>
            <a:stCxn id="13" idx="3"/>
            <a:endCxn id="14" idx="1"/>
          </p:cNvCxnSpPr>
          <p:nvPr/>
        </p:nvCxnSpPr>
        <p:spPr>
          <a:xfrm>
            <a:off x="7438768" y="4170534"/>
            <a:ext cx="199256" cy="1439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Arrow Connector 16"/>
          <p:cNvCxnSpPr>
            <a:stCxn id="13" idx="1"/>
            <a:endCxn id="11" idx="2"/>
          </p:cNvCxnSpPr>
          <p:nvPr/>
        </p:nvCxnSpPr>
        <p:spPr>
          <a:xfrm flipH="1" flipV="1">
            <a:off x="5447560" y="2203862"/>
            <a:ext cx="1029181" cy="1966672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4660419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 animBg="1"/>
      <p:bldP spid="14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smtClean="0"/>
              <a:t>Including</a:t>
            </a:r>
            <a:endParaRPr lang="en-US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4AE6CD11-7A00-41B4-BA52-09DB435B70F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/>
        <p:txBody>
          <a:bodyPr/>
          <a:lstStyle/>
          <a:p>
            <a:r>
              <a:rPr lang="en-US" dirty="0" smtClean="0"/>
              <a:t>Result </a:t>
            </a:r>
            <a:r>
              <a:rPr lang="en-US" b="0" i="1" dirty="0" smtClean="0"/>
              <a:t>(3335 abstracts)</a:t>
            </a:r>
            <a:endParaRPr lang="en-US" b="0" i="1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92E90C42-7A02-418D-8120-188437D0D0FD}"/>
              </a:ext>
            </a:extLst>
          </p:cNvPr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endParaRPr lang="en-US" dirty="0" smtClean="0"/>
          </a:p>
          <a:p>
            <a:r>
              <a:rPr lang="en-US" dirty="0" smtClean="0"/>
              <a:t>RCT</a:t>
            </a:r>
          </a:p>
          <a:p>
            <a:r>
              <a:rPr lang="en-US" i="1" dirty="0" smtClean="0"/>
              <a:t>Prospective</a:t>
            </a:r>
            <a:r>
              <a:rPr lang="en-US" dirty="0" smtClean="0"/>
              <a:t> cohort</a:t>
            </a:r>
          </a:p>
          <a:p>
            <a:r>
              <a:rPr lang="en-US" i="1" dirty="0" smtClean="0"/>
              <a:t>Retrospective</a:t>
            </a:r>
            <a:r>
              <a:rPr lang="en-US" dirty="0" smtClean="0"/>
              <a:t> cohort</a:t>
            </a:r>
          </a:p>
          <a:p>
            <a:endParaRPr lang="en-US" dirty="0"/>
          </a:p>
          <a:p>
            <a:r>
              <a:rPr lang="en-US" dirty="0" smtClean="0"/>
              <a:t>Retro-rectus described</a:t>
            </a:r>
          </a:p>
          <a:p>
            <a:r>
              <a:rPr lang="en-US" dirty="0" smtClean="0"/>
              <a:t>Open &amp; min. invasive</a:t>
            </a:r>
            <a:endParaRPr lang="en-US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78E73545-4B28-4A4B-BB5F-E7F9B668B4F6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0" indent="0">
              <a:buNone/>
            </a:pPr>
            <a:endParaRPr lang="en-US" dirty="0" smtClean="0"/>
          </a:p>
          <a:p>
            <a:pPr marL="0" indent="0">
              <a:buNone/>
            </a:pPr>
            <a:endParaRPr lang="en-US" dirty="0" smtClean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Literature search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6</a:t>
            </a:fld>
            <a:endParaRPr lang="en-GB"/>
          </a:p>
        </p:txBody>
      </p:sp>
      <p:pic>
        <p:nvPicPr>
          <p:cNvPr id="6146" name="Picture 2" descr="Randomised Controlled Trial Archives - Social Science Space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479641" y="2629691"/>
            <a:ext cx="2236789" cy="22367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Rectangle 1"/>
          <p:cNvSpPr/>
          <p:nvPr/>
        </p:nvSpPr>
        <p:spPr>
          <a:xfrm>
            <a:off x="5812596" y="4896552"/>
            <a:ext cx="3474245" cy="365613"/>
          </a:xfrm>
          <a:prstGeom prst="rect">
            <a:avLst/>
          </a:prstGeom>
          <a:solidFill>
            <a:schemeClr val="accent1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dirty="0" smtClean="0"/>
              <a:t>Total: </a:t>
            </a:r>
            <a:r>
              <a:rPr lang="nl-NL" b="1" dirty="0" smtClean="0"/>
              <a:t>93</a:t>
            </a:r>
            <a:endParaRPr lang="nl-NL" b="1" dirty="0"/>
          </a:p>
        </p:txBody>
      </p:sp>
      <p:sp>
        <p:nvSpPr>
          <p:cNvPr id="14" name="Rectangle 13"/>
          <p:cNvSpPr/>
          <p:nvPr/>
        </p:nvSpPr>
        <p:spPr>
          <a:xfrm>
            <a:off x="5812596" y="3140260"/>
            <a:ext cx="654879" cy="365613"/>
          </a:xfrm>
          <a:prstGeom prst="rect">
            <a:avLst/>
          </a:prstGeom>
          <a:solidFill>
            <a:schemeClr val="accent3">
              <a:lumMod val="5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dirty="0" smtClean="0"/>
              <a:t>15</a:t>
            </a:r>
            <a:endParaRPr lang="nl-NL" b="1" dirty="0"/>
          </a:p>
        </p:txBody>
      </p:sp>
      <p:sp>
        <p:nvSpPr>
          <p:cNvPr id="15" name="Rectangle 14"/>
          <p:cNvSpPr/>
          <p:nvPr/>
        </p:nvSpPr>
        <p:spPr>
          <a:xfrm>
            <a:off x="6467475" y="3603549"/>
            <a:ext cx="1266825" cy="365613"/>
          </a:xfrm>
          <a:prstGeom prst="rect">
            <a:avLst/>
          </a:prstGeom>
          <a:solidFill>
            <a:srgbClr val="0070C0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dirty="0" smtClean="0"/>
              <a:t>36</a:t>
            </a:r>
            <a:endParaRPr lang="nl-NL" b="1" dirty="0"/>
          </a:p>
        </p:txBody>
      </p:sp>
      <p:sp>
        <p:nvSpPr>
          <p:cNvPr id="16" name="Rectangle 15"/>
          <p:cNvSpPr/>
          <p:nvPr/>
        </p:nvSpPr>
        <p:spPr>
          <a:xfrm>
            <a:off x="7734300" y="4032763"/>
            <a:ext cx="1550761" cy="365613"/>
          </a:xfrm>
          <a:prstGeom prst="rect">
            <a:avLst/>
          </a:prstGeom>
          <a:solidFill>
            <a:schemeClr val="accent5">
              <a:lumMod val="50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dirty="0" smtClean="0"/>
              <a:t>42</a:t>
            </a:r>
            <a:endParaRPr lang="nl-NL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0796842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 build="p"/>
      <p:bldP spid="2" grpId="0" animBg="1"/>
      <p:bldP spid="14" grpId="0" animBg="1"/>
      <p:bldP spid="15" grpId="0" animBg="1"/>
      <p:bldP spid="16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l-NL" dirty="0" err="1" smtClean="0"/>
              <a:t>Demographics</a:t>
            </a:r>
            <a:endParaRPr lang="nl-NL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14"/>
          </p:nvPr>
        </p:nvSpPr>
        <p:spPr/>
        <p:txBody>
          <a:bodyPr/>
          <a:lstStyle/>
          <a:p>
            <a:r>
              <a:rPr lang="nl-NL" dirty="0" smtClean="0"/>
              <a:t>18,572 </a:t>
            </a:r>
            <a:r>
              <a:rPr lang="nl-NL" dirty="0" err="1" smtClean="0"/>
              <a:t>patients</a:t>
            </a:r>
            <a:endParaRPr lang="nl-NL" dirty="0" smtClean="0"/>
          </a:p>
          <a:p>
            <a:r>
              <a:rPr lang="nl-NL" dirty="0"/>
              <a:t>M</a:t>
            </a:r>
            <a:r>
              <a:rPr lang="nl-NL" dirty="0" smtClean="0"/>
              <a:t>ale 1 : 3 </a:t>
            </a:r>
            <a:r>
              <a:rPr lang="nl-NL" dirty="0" err="1" smtClean="0"/>
              <a:t>female</a:t>
            </a:r>
            <a:endParaRPr lang="nl-NL" dirty="0" smtClean="0"/>
          </a:p>
          <a:p>
            <a:endParaRPr lang="nl-NL" dirty="0" smtClean="0"/>
          </a:p>
          <a:p>
            <a:r>
              <a:rPr lang="nl-NL" dirty="0" err="1" smtClean="0"/>
              <a:t>Median</a:t>
            </a:r>
            <a:r>
              <a:rPr lang="nl-NL" dirty="0" smtClean="0"/>
              <a:t> defect 7.2 cm</a:t>
            </a:r>
            <a:endParaRPr lang="nl-NL" dirty="0"/>
          </a:p>
          <a:p>
            <a:r>
              <a:rPr lang="nl-NL" dirty="0" err="1" smtClean="0"/>
              <a:t>Median</a:t>
            </a:r>
            <a:r>
              <a:rPr lang="nl-NL" dirty="0" smtClean="0"/>
              <a:t> follow-up 17 </a:t>
            </a:r>
            <a:r>
              <a:rPr lang="nl-NL" dirty="0" err="1" smtClean="0"/>
              <a:t>months</a:t>
            </a:r>
            <a:endParaRPr lang="nl-NL" dirty="0"/>
          </a:p>
        </p:txBody>
      </p:sp>
      <p:sp>
        <p:nvSpPr>
          <p:cNvPr id="6" name="Subtitle 5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dirty="0"/>
              <a:t>Baseline</a:t>
            </a:r>
          </a:p>
        </p:txBody>
      </p:sp>
      <p:sp>
        <p:nvSpPr>
          <p:cNvPr id="7" name="Title 6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err="1" smtClean="0"/>
              <a:t>results</a:t>
            </a:r>
            <a:endParaRPr lang="nl-NL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7</a:t>
            </a:fld>
            <a:endParaRPr lang="en-GB"/>
          </a:p>
        </p:txBody>
      </p:sp>
      <p:pic>
        <p:nvPicPr>
          <p:cNvPr id="8194" name="Picture 2" descr="Male And Female Gender Symbols Comments - Simbolos De Genero Transparent  PNG - 662x980 - Free Download on NicePNG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41357" y="2147141"/>
            <a:ext cx="1823029" cy="235659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13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5923280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7688"/>
            <a:ext cx="10207554" cy="823912"/>
          </a:xfrm>
        </p:spPr>
        <p:txBody>
          <a:bodyPr/>
          <a:lstStyle/>
          <a:p>
            <a:r>
              <a:rPr lang="en-US" dirty="0" smtClean="0"/>
              <a:t>Retro-rectus </a:t>
            </a:r>
            <a:r>
              <a:rPr lang="en-US" dirty="0"/>
              <a:t>(Rives-</a:t>
            </a:r>
            <a:r>
              <a:rPr lang="en-US" dirty="0" err="1"/>
              <a:t>Stoppa</a:t>
            </a:r>
            <a:r>
              <a:rPr lang="en-US" dirty="0"/>
              <a:t>) </a:t>
            </a:r>
            <a:r>
              <a:rPr lang="en-US" dirty="0" smtClean="0"/>
              <a:t>repair</a:t>
            </a:r>
            <a:endParaRPr lang="en-US" dirty="0"/>
          </a:p>
        </p:txBody>
      </p:sp>
      <p:graphicFrame>
        <p:nvGraphicFramePr>
          <p:cNvPr id="16" name="Content Placeholder 15"/>
          <p:cNvGraphicFramePr>
            <a:graphicFrameLocks noGrp="1"/>
          </p:cNvGraphicFramePr>
          <p:nvPr>
            <p:ph sz="half" idx="14"/>
            <p:extLst>
              <p:ext uri="{D42A27DB-BD31-4B8C-83A1-F6EECF244321}">
                <p14:modId xmlns:p14="http://schemas.microsoft.com/office/powerpoint/2010/main" val="1440006436"/>
              </p:ext>
            </p:extLst>
          </p:nvPr>
        </p:nvGraphicFramePr>
        <p:xfrm>
          <a:off x="631825" y="2641600"/>
          <a:ext cx="6125529" cy="34036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41843">
                  <a:extLst>
                    <a:ext uri="{9D8B030D-6E8A-4147-A177-3AD203B41FA5}">
                      <a16:colId xmlns:a16="http://schemas.microsoft.com/office/drawing/2014/main" val="3056093964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3080452568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3471511592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dirty="0" smtClean="0"/>
                        <a:t>Open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0" i="1" dirty="0" err="1" smtClean="0"/>
                        <a:t>Patients</a:t>
                      </a:r>
                      <a:endParaRPr lang="nl-NL" b="0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3326934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Recurrence</a:t>
                      </a:r>
                      <a:endParaRPr lang="nl-NL" dirty="0" smtClean="0"/>
                    </a:p>
                    <a:p>
                      <a:r>
                        <a:rPr lang="nl-NL" i="1" baseline="0" dirty="0" smtClean="0"/>
                        <a:t>12 </a:t>
                      </a:r>
                      <a:r>
                        <a:rPr lang="nl-NL" i="1" baseline="0" dirty="0" err="1" smtClean="0"/>
                        <a:t>months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rgbClr val="FF0000"/>
                          </a:solidFill>
                        </a:rPr>
                        <a:t>3.2%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10,787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134597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Recurrence</a:t>
                      </a:r>
                      <a:endParaRPr lang="nl-NL" dirty="0" smtClean="0"/>
                    </a:p>
                    <a:p>
                      <a:r>
                        <a:rPr lang="nl-NL" i="1" dirty="0" smtClean="0"/>
                        <a:t>24</a:t>
                      </a:r>
                      <a:r>
                        <a:rPr lang="nl-NL" i="1" baseline="0" dirty="0" smtClean="0"/>
                        <a:t> </a:t>
                      </a:r>
                      <a:r>
                        <a:rPr lang="nl-NL" i="1" baseline="0" dirty="0" err="1" smtClean="0"/>
                        <a:t>months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rgbClr val="FF0000"/>
                          </a:solidFill>
                        </a:rPr>
                        <a:t>4.1%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3,770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9926309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smtClean="0"/>
                        <a:t>SSI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rgbClr val="FF0000"/>
                          </a:solidFill>
                        </a:rPr>
                        <a:t>5.2%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7,030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8822440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Seroma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rgbClr val="FF0000"/>
                          </a:solidFill>
                        </a:rPr>
                        <a:t>5.5%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10,695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8181981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Serious</a:t>
                      </a:r>
                      <a:r>
                        <a:rPr lang="nl-NL" dirty="0" smtClean="0"/>
                        <a:t> </a:t>
                      </a:r>
                      <a:r>
                        <a:rPr lang="nl-NL" dirty="0" err="1" smtClean="0"/>
                        <a:t>complications</a:t>
                      </a:r>
                      <a:endParaRPr lang="nl-NL" dirty="0" smtClean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rgbClr val="FF0000"/>
                          </a:solidFill>
                        </a:rPr>
                        <a:t>2.7%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4,844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595535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Mortality</a:t>
                      </a:r>
                      <a:endParaRPr lang="nl-NL" dirty="0" smtClean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rgbClr val="FF0000"/>
                          </a:solidFill>
                        </a:rPr>
                        <a:t>0.2%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3,650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91271756"/>
                  </a:ext>
                </a:extLst>
              </a:tr>
            </a:tbl>
          </a:graphicData>
        </a:graphic>
      </p:graphicFrame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 smtClean="0"/>
              <a:t>1. Outcomes</a:t>
            </a:r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Results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8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2063754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DFC12A6-F18E-46C4-97B9-F816C2047A8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10207554" cy="823912"/>
          </a:xfrm>
        </p:spPr>
        <p:txBody>
          <a:bodyPr/>
          <a:lstStyle/>
          <a:p>
            <a:r>
              <a:rPr lang="en-US" dirty="0" smtClean="0"/>
              <a:t>Retro-rectus </a:t>
            </a:r>
            <a:r>
              <a:rPr lang="en-US" dirty="0"/>
              <a:t>(Rives-</a:t>
            </a:r>
            <a:r>
              <a:rPr lang="en-US" dirty="0" err="1"/>
              <a:t>Stoppa</a:t>
            </a:r>
            <a:r>
              <a:rPr lang="en-US" dirty="0"/>
              <a:t>) </a:t>
            </a:r>
            <a:r>
              <a:rPr lang="en-US" dirty="0" smtClean="0"/>
              <a:t>repair</a:t>
            </a:r>
            <a:endParaRPr lang="en-US" dirty="0"/>
          </a:p>
        </p:txBody>
      </p:sp>
      <p:graphicFrame>
        <p:nvGraphicFramePr>
          <p:cNvPr id="16" name="Content Placeholder 15"/>
          <p:cNvGraphicFramePr>
            <a:graphicFrameLocks noGrp="1"/>
          </p:cNvGraphicFramePr>
          <p:nvPr>
            <p:ph sz="half" idx="14"/>
            <p:extLst>
              <p:ext uri="{D42A27DB-BD31-4B8C-83A1-F6EECF244321}">
                <p14:modId xmlns:p14="http://schemas.microsoft.com/office/powerpoint/2010/main" val="2777246236"/>
              </p:ext>
            </p:extLst>
          </p:nvPr>
        </p:nvGraphicFramePr>
        <p:xfrm>
          <a:off x="631825" y="2641600"/>
          <a:ext cx="10209215" cy="34036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41843">
                  <a:extLst>
                    <a:ext uri="{9D8B030D-6E8A-4147-A177-3AD203B41FA5}">
                      <a16:colId xmlns:a16="http://schemas.microsoft.com/office/drawing/2014/main" val="3056093964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3080452568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3471511592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4082237375"/>
                    </a:ext>
                  </a:extLst>
                </a:gridCol>
                <a:gridCol w="2041843">
                  <a:extLst>
                    <a:ext uri="{9D8B030D-6E8A-4147-A177-3AD203B41FA5}">
                      <a16:colId xmlns:a16="http://schemas.microsoft.com/office/drawing/2014/main" val="1063933736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dirty="0" smtClean="0"/>
                        <a:t>Open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0" i="1" dirty="0" err="1" smtClean="0"/>
                        <a:t>Patients</a:t>
                      </a:r>
                      <a:endParaRPr lang="nl-NL" b="0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dirty="0" smtClean="0"/>
                        <a:t>Min.</a:t>
                      </a:r>
                      <a:r>
                        <a:rPr lang="nl-NL" baseline="0" dirty="0" smtClean="0"/>
                        <a:t> </a:t>
                      </a:r>
                      <a:r>
                        <a:rPr lang="nl-NL" baseline="0" dirty="0" err="1" smtClean="0"/>
                        <a:t>invasive</a:t>
                      </a:r>
                      <a:r>
                        <a:rPr lang="nl-NL" baseline="0" dirty="0" smtClean="0"/>
                        <a:t>*</a:t>
                      </a:r>
                      <a:endParaRPr lang="nl-NL" dirty="0"/>
                    </a:p>
                  </a:txBody>
                  <a:tcPr>
                    <a:solidFill>
                      <a:schemeClr val="accent5">
                        <a:lumMod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nl-NL" b="0" i="1" dirty="0" err="1" smtClean="0"/>
                        <a:t>Patients</a:t>
                      </a:r>
                      <a:endParaRPr lang="nl-NL" b="0" i="1" dirty="0"/>
                    </a:p>
                  </a:txBody>
                  <a:tcPr>
                    <a:solidFill>
                      <a:schemeClr val="accent5">
                        <a:lumMod val="5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3326934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Recurrence</a:t>
                      </a:r>
                      <a:endParaRPr lang="nl-NL" dirty="0" smtClean="0"/>
                    </a:p>
                    <a:p>
                      <a:r>
                        <a:rPr lang="nl-NL" i="1" baseline="0" dirty="0" smtClean="0"/>
                        <a:t>12 </a:t>
                      </a:r>
                      <a:r>
                        <a:rPr lang="nl-NL" i="1" baseline="0" dirty="0" err="1" smtClean="0"/>
                        <a:t>months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0" dirty="0" smtClean="0"/>
                        <a:t>3.2%</a:t>
                      </a:r>
                      <a:endParaRPr lang="nl-NL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10,787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rgbClr val="FF0000"/>
                          </a:solidFill>
                        </a:rPr>
                        <a:t>1.3%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849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134597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Recurrence</a:t>
                      </a:r>
                      <a:endParaRPr lang="nl-NL" dirty="0" smtClean="0"/>
                    </a:p>
                    <a:p>
                      <a:r>
                        <a:rPr lang="nl-NL" i="1" dirty="0" smtClean="0"/>
                        <a:t>24</a:t>
                      </a:r>
                      <a:r>
                        <a:rPr lang="nl-NL" i="1" baseline="0" dirty="0" smtClean="0"/>
                        <a:t> </a:t>
                      </a:r>
                      <a:r>
                        <a:rPr lang="nl-NL" i="1" baseline="0" dirty="0" err="1" smtClean="0"/>
                        <a:t>months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0" dirty="0" smtClean="0"/>
                        <a:t>4.1%</a:t>
                      </a:r>
                      <a:endParaRPr lang="nl-NL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3,770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nl-NL" dirty="0">
                        <a:solidFill>
                          <a:srgbClr val="FF0000"/>
                        </a:solidFill>
                      </a:endParaRPr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endParaRPr lang="nl-NL" i="1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9926309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smtClean="0"/>
                        <a:t>SSI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0" dirty="0" smtClean="0"/>
                        <a:t>5.2%</a:t>
                      </a:r>
                      <a:endParaRPr lang="nl-NL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7,030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rgbClr val="FF0000"/>
                          </a:solidFill>
                        </a:rPr>
                        <a:t>1.5%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982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8822440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Seroma</a:t>
                      </a:r>
                      <a:endParaRPr lang="nl-NL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0" dirty="0" smtClean="0"/>
                        <a:t>5.5%</a:t>
                      </a:r>
                      <a:endParaRPr lang="nl-NL" b="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10,695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rgbClr val="FF0000"/>
                          </a:solidFill>
                        </a:rPr>
                        <a:t>5.0%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1,269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8181981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Serious</a:t>
                      </a:r>
                      <a:r>
                        <a:rPr lang="nl-NL" dirty="0" smtClean="0"/>
                        <a:t> </a:t>
                      </a:r>
                      <a:r>
                        <a:rPr lang="nl-NL" dirty="0" err="1" smtClean="0"/>
                        <a:t>complications</a:t>
                      </a:r>
                      <a:endParaRPr lang="nl-NL" dirty="0" smtClean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0" dirty="0" smtClean="0">
                          <a:solidFill>
                            <a:schemeClr val="tx1"/>
                          </a:solidFill>
                        </a:rPr>
                        <a:t>2.7%</a:t>
                      </a:r>
                      <a:endParaRPr lang="nl-NL" b="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4,844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1" dirty="0" smtClean="0">
                          <a:solidFill>
                            <a:srgbClr val="FF0000"/>
                          </a:solidFill>
                        </a:rPr>
                        <a:t>2.9%</a:t>
                      </a:r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1,366</a:t>
                      </a:r>
                      <a:endParaRPr lang="nl-NL" i="1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3053396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nl-NL" dirty="0" err="1" smtClean="0"/>
                        <a:t>Mortality</a:t>
                      </a:r>
                      <a:endParaRPr lang="nl-NL" dirty="0" smtClean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b="0" dirty="0" smtClean="0">
                          <a:solidFill>
                            <a:schemeClr val="tx1"/>
                          </a:solidFill>
                        </a:rPr>
                        <a:t>0.2%</a:t>
                      </a:r>
                      <a:endParaRPr lang="nl-NL" b="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nl-NL" i="1" dirty="0" smtClean="0"/>
                        <a:t>3,650</a:t>
                      </a:r>
                      <a:endParaRPr lang="nl-NL" i="1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nl-NL" b="1" dirty="0">
                        <a:solidFill>
                          <a:srgbClr val="FF0000"/>
                        </a:solidFill>
                      </a:endParaRP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endParaRPr lang="nl-NL" i="1" dirty="0"/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996859412"/>
                  </a:ext>
                </a:extLst>
              </a:tr>
            </a:tbl>
          </a:graphicData>
        </a:graphic>
      </p:graphicFrame>
      <p:sp>
        <p:nvSpPr>
          <p:cNvPr id="12" name="Subtitle 11">
            <a:extLst>
              <a:ext uri="{FF2B5EF4-FFF2-40B4-BE49-F238E27FC236}">
                <a16:creationId xmlns:a16="http://schemas.microsoft.com/office/drawing/2014/main" id="{CAA0C080-7DF7-4B56-9C88-26540CC7486F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dirty="0" smtClean="0"/>
              <a:t>1. Outcomes</a:t>
            </a:r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3935CB3-11D6-4E3C-BA9C-96D93337DB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dirty="0" smtClean="0"/>
              <a:t>Results</a:t>
            </a:r>
            <a:endParaRPr lang="en-US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31825" y="6483046"/>
            <a:ext cx="832104" cy="200055"/>
          </a:xfrm>
        </p:spPr>
        <p:txBody>
          <a:bodyPr/>
          <a:lstStyle/>
          <a:p>
            <a:r>
              <a:rPr lang="en-GB" dirty="0" smtClean="0"/>
              <a:t>17/06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ESH 2022 - </a:t>
            </a:r>
            <a:r>
              <a:rPr lang="en-US" dirty="0"/>
              <a:t>Favorable Outcomes After Retro-Rectus (Rives-</a:t>
            </a:r>
            <a:r>
              <a:rPr lang="en-US" dirty="0" err="1"/>
              <a:t>Stoppa</a:t>
            </a:r>
            <a:r>
              <a:rPr lang="en-US" dirty="0"/>
              <a:t>) Mesh Repair as Treatment for Noncomplex Ventral Abdominal Wall Hernia, a Systematic Review and Meta-Analysis – F.P.J. den Hartog</a:t>
            </a:r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0355036" y="6483047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2" name="TextBox 1"/>
          <p:cNvSpPr txBox="1"/>
          <p:nvPr/>
        </p:nvSpPr>
        <p:spPr>
          <a:xfrm>
            <a:off x="631825" y="6178330"/>
            <a:ext cx="879984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nl-NL" sz="1200" b="1" i="0" dirty="0" smtClean="0">
                <a:solidFill>
                  <a:schemeClr val="tx2"/>
                </a:solidFill>
                <a:ea typeface="Arial" charset="0"/>
                <a:cs typeface="Arial" charset="0"/>
              </a:rPr>
              <a:t>*: non-RC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021256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723281537456732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12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9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22.xml><?xml version="1.0" encoding="utf-8"?>
<TemplafyFormConfiguration><![CDATA[{"formFields":[],"formDataEntries":[]}]]></Templafy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26.xml><?xml version="1.0" encoding="utf-8"?>
<TemplafyTemplateConfiguration><![CDATA[{"elementsMetadata":[],"transformationConfigurations":[],"templateName":"Erasmus MC Sjabloon","templateDescription":"","enableDocumentContentUpdater":false,"version":"2.0"}]]></TemplafyTemplateConfiguration>
</file>

<file path=customXml/item27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28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29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788740658941262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52092BF-73D9-49B0-AEC3-AC5588F5FDAC}">
  <ds:schemaRefs/>
</ds:datastoreItem>
</file>

<file path=customXml/itemProps10.xml><?xml version="1.0" encoding="utf-8"?>
<ds:datastoreItem xmlns:ds="http://schemas.openxmlformats.org/officeDocument/2006/customXml" ds:itemID="{7939B074-A99C-45A7-89AA-A0B405F273B1}">
  <ds:schemaRefs/>
</ds:datastoreItem>
</file>

<file path=customXml/itemProps11.xml><?xml version="1.0" encoding="utf-8"?>
<ds:datastoreItem xmlns:ds="http://schemas.openxmlformats.org/officeDocument/2006/customXml" ds:itemID="{23C44A2A-1576-40BA-BEFA-C182F3F57F0D}">
  <ds:schemaRefs/>
</ds:datastoreItem>
</file>

<file path=customXml/itemProps12.xml><?xml version="1.0" encoding="utf-8"?>
<ds:datastoreItem xmlns:ds="http://schemas.openxmlformats.org/officeDocument/2006/customXml" ds:itemID="{85971CD7-3DDB-47D2-AEB8-892A57F748C2}">
  <ds:schemaRefs/>
</ds:datastoreItem>
</file>

<file path=customXml/itemProps13.xml><?xml version="1.0" encoding="utf-8"?>
<ds:datastoreItem xmlns:ds="http://schemas.openxmlformats.org/officeDocument/2006/customXml" ds:itemID="{E922F27C-329B-4F23-9BFF-B9FF8FBA088B}">
  <ds:schemaRefs/>
</ds:datastoreItem>
</file>

<file path=customXml/itemProps14.xml><?xml version="1.0" encoding="utf-8"?>
<ds:datastoreItem xmlns:ds="http://schemas.openxmlformats.org/officeDocument/2006/customXml" ds:itemID="{57936BC5-3E09-436A-AAD5-066A13B76C86}">
  <ds:schemaRefs/>
</ds:datastoreItem>
</file>

<file path=customXml/itemProps15.xml><?xml version="1.0" encoding="utf-8"?>
<ds:datastoreItem xmlns:ds="http://schemas.openxmlformats.org/officeDocument/2006/customXml" ds:itemID="{2E3178CF-714C-41A8-9B35-1C7FA22AB284}">
  <ds:schemaRefs/>
</ds:datastoreItem>
</file>

<file path=customXml/itemProps16.xml><?xml version="1.0" encoding="utf-8"?>
<ds:datastoreItem xmlns:ds="http://schemas.openxmlformats.org/officeDocument/2006/customXml" ds:itemID="{98D22143-2146-4319-A5DC-075313A7E6B9}">
  <ds:schemaRefs/>
</ds:datastoreItem>
</file>

<file path=customXml/itemProps17.xml><?xml version="1.0" encoding="utf-8"?>
<ds:datastoreItem xmlns:ds="http://schemas.openxmlformats.org/officeDocument/2006/customXml" ds:itemID="{7A5BB91B-685A-45A5-8D7B-BC5E4E66ED5C}">
  <ds:schemaRefs/>
</ds:datastoreItem>
</file>

<file path=customXml/itemProps18.xml><?xml version="1.0" encoding="utf-8"?>
<ds:datastoreItem xmlns:ds="http://schemas.openxmlformats.org/officeDocument/2006/customXml" ds:itemID="{B3DD47DF-D318-48F0-9F72-2CC7BB8FCB4E}">
  <ds:schemaRefs>
    <ds:schemaRef ds:uri="http://schemas.microsoft.com/sharepoint/v3/contenttype/forms"/>
  </ds:schemaRefs>
</ds:datastoreItem>
</file>

<file path=customXml/itemProps19.xml><?xml version="1.0" encoding="utf-8"?>
<ds:datastoreItem xmlns:ds="http://schemas.openxmlformats.org/officeDocument/2006/customXml" ds:itemID="{FF650693-9E23-4EAC-B4AF-AF70AC0AD8F1}">
  <ds:schemaRefs/>
</ds:datastoreItem>
</file>

<file path=customXml/itemProps2.xml><?xml version="1.0" encoding="utf-8"?>
<ds:datastoreItem xmlns:ds="http://schemas.openxmlformats.org/officeDocument/2006/customXml" ds:itemID="{7DBF6996-6D07-4D7F-AE66-72BA34211CE4}">
  <ds:schemaRefs/>
</ds:datastoreItem>
</file>

<file path=customXml/itemProps20.xml><?xml version="1.0" encoding="utf-8"?>
<ds:datastoreItem xmlns:ds="http://schemas.openxmlformats.org/officeDocument/2006/customXml" ds:itemID="{C8EE4F2C-3E5B-4D15-9CD8-45A535CCD3A7}">
  <ds:schemaRefs/>
</ds:datastoreItem>
</file>

<file path=customXml/itemProps21.xml><?xml version="1.0" encoding="utf-8"?>
<ds:datastoreItem xmlns:ds="http://schemas.openxmlformats.org/officeDocument/2006/customXml" ds:itemID="{AF0F0868-0999-4C96-AE39-34826D666A1D}">
  <ds:schemaRefs/>
</ds:datastoreItem>
</file>

<file path=customXml/itemProps22.xml><?xml version="1.0" encoding="utf-8"?>
<ds:datastoreItem xmlns:ds="http://schemas.openxmlformats.org/officeDocument/2006/customXml" ds:itemID="{BCB0DF27-E6BE-4EFC-B725-FE1A07D51F8F}">
  <ds:schemaRefs/>
</ds:datastoreItem>
</file>

<file path=customXml/itemProps23.xml><?xml version="1.0" encoding="utf-8"?>
<ds:datastoreItem xmlns:ds="http://schemas.openxmlformats.org/officeDocument/2006/customXml" ds:itemID="{3ACA9059-CBE4-413C-8D8F-08AD45036E6A}">
  <ds:schemaRefs/>
</ds:datastoreItem>
</file>

<file path=customXml/itemProps24.xml><?xml version="1.0" encoding="utf-8"?>
<ds:datastoreItem xmlns:ds="http://schemas.openxmlformats.org/officeDocument/2006/customXml" ds:itemID="{E93F1C90-EFA3-4EB7-9B56-40E9B0F76C0B}">
  <ds:schemaRefs/>
</ds:datastoreItem>
</file>

<file path=customXml/itemProps25.xml><?xml version="1.0" encoding="utf-8"?>
<ds:datastoreItem xmlns:ds="http://schemas.openxmlformats.org/officeDocument/2006/customXml" ds:itemID="{2A8F89D8-67DB-4EFB-9F45-F29D33E2549A}">
  <ds:schemaRefs/>
</ds:datastoreItem>
</file>

<file path=customXml/itemProps26.xml><?xml version="1.0" encoding="utf-8"?>
<ds:datastoreItem xmlns:ds="http://schemas.openxmlformats.org/officeDocument/2006/customXml" ds:itemID="{A70A3159-FD05-4484-841B-C1C38C19BF11}">
  <ds:schemaRefs/>
</ds:datastoreItem>
</file>

<file path=customXml/itemProps27.xml><?xml version="1.0" encoding="utf-8"?>
<ds:datastoreItem xmlns:ds="http://schemas.openxmlformats.org/officeDocument/2006/customXml" ds:itemID="{96A2E9FC-3C57-4BE1-AAF1-C8393A9DAE88}">
  <ds:schemaRefs/>
</ds:datastoreItem>
</file>

<file path=customXml/itemProps28.xml><?xml version="1.0" encoding="utf-8"?>
<ds:datastoreItem xmlns:ds="http://schemas.openxmlformats.org/officeDocument/2006/customXml" ds:itemID="{CE7FB006-060E-420C-B955-CC58F092D3A8}">
  <ds:schemaRefs>
    <ds:schemaRef ds:uri="http://schemas.microsoft.com/office/infopath/2007/PartnerControls"/>
    <ds:schemaRef ds:uri="http://purl.org/dc/elements/1.1/"/>
    <ds:schemaRef ds:uri="http://schemas.microsoft.com/office/2006/metadata/properties"/>
    <ds:schemaRef ds:uri="http://schemas.microsoft.com/sharepoint/v3"/>
    <ds:schemaRef ds:uri="http://purl.org/dc/terms/"/>
    <ds:schemaRef ds:uri="http://schemas.openxmlformats.org/package/2006/metadata/core-properties"/>
    <ds:schemaRef ds:uri="22a3f1e7-1ad8-4567-967d-700183da1d1b"/>
    <ds:schemaRef ds:uri="http://schemas.microsoft.com/office/2006/documentManagement/types"/>
    <ds:schemaRef ds:uri="aacb7df8-672f-46f2-977f-893ce5cef86b"/>
    <ds:schemaRef ds:uri="http://www.w3.org/XML/1998/namespace"/>
    <ds:schemaRef ds:uri="http://purl.org/dc/dcmitype/"/>
  </ds:schemaRefs>
</ds:datastoreItem>
</file>

<file path=customXml/itemProps29.xml><?xml version="1.0" encoding="utf-8"?>
<ds:datastoreItem xmlns:ds="http://schemas.openxmlformats.org/officeDocument/2006/customXml" ds:itemID="{782CEAFE-2D26-498A-9F51-4B5B86ACCD47}">
  <ds:schemaRefs/>
</ds:datastoreItem>
</file>

<file path=customXml/itemProps3.xml><?xml version="1.0" encoding="utf-8"?>
<ds:datastoreItem xmlns:ds="http://schemas.openxmlformats.org/officeDocument/2006/customXml" ds:itemID="{EE628104-0F1B-49DF-B150-850B335A7ED7}">
  <ds:schemaRefs/>
</ds:datastoreItem>
</file>

<file path=customXml/itemProps30.xml><?xml version="1.0" encoding="utf-8"?>
<ds:datastoreItem xmlns:ds="http://schemas.openxmlformats.org/officeDocument/2006/customXml" ds:itemID="{8DCB38F8-0D57-4D87-B7F2-07F444CBDE68}">
  <ds:schemaRefs/>
</ds:datastoreItem>
</file>

<file path=customXml/itemProps31.xml><?xml version="1.0" encoding="utf-8"?>
<ds:datastoreItem xmlns:ds="http://schemas.openxmlformats.org/officeDocument/2006/customXml" ds:itemID="{BB5F8B49-3664-4BFB-A718-1EFE5D751EDC}">
  <ds:schemaRefs/>
</ds:datastoreItem>
</file>

<file path=customXml/itemProps4.xml><?xml version="1.0" encoding="utf-8"?>
<ds:datastoreItem xmlns:ds="http://schemas.openxmlformats.org/officeDocument/2006/customXml" ds:itemID="{CE26E5A5-5C6D-489B-856E-2C451FE083B6}">
  <ds:schemaRefs>
    <ds:schemaRef ds:uri="22a3f1e7-1ad8-4567-967d-700183da1d1b"/>
    <ds:schemaRef ds:uri="aacb7df8-672f-46f2-977f-893ce5cef86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microsoft.com/sharepoint/v3"/>
    <ds:schemaRef ds:uri="http://schemas.openxmlformats.org/package/2006/metadata/core-properties"/>
    <ds:schemaRef ds:uri="http://www.w3.org/2001/XMLSchema"/>
  </ds:schemaRefs>
</ds:datastoreItem>
</file>

<file path=customXml/itemProps5.xml><?xml version="1.0" encoding="utf-8"?>
<ds:datastoreItem xmlns:ds="http://schemas.openxmlformats.org/officeDocument/2006/customXml" ds:itemID="{C764E93A-5378-4D88-805D-FBD6539E5338}">
  <ds:schemaRefs/>
</ds:datastoreItem>
</file>

<file path=customXml/itemProps6.xml><?xml version="1.0" encoding="utf-8"?>
<ds:datastoreItem xmlns:ds="http://schemas.openxmlformats.org/officeDocument/2006/customXml" ds:itemID="{2D77277D-6B3C-4A7E-BB45-A1CA1633929F}">
  <ds:schemaRefs/>
</ds:datastoreItem>
</file>

<file path=customXml/itemProps7.xml><?xml version="1.0" encoding="utf-8"?>
<ds:datastoreItem xmlns:ds="http://schemas.openxmlformats.org/officeDocument/2006/customXml" ds:itemID="{6A0B6F42-7527-4E95-916F-C854DCB0BCE1}">
  <ds:schemaRefs/>
</ds:datastoreItem>
</file>

<file path=customXml/itemProps8.xml><?xml version="1.0" encoding="utf-8"?>
<ds:datastoreItem xmlns:ds="http://schemas.openxmlformats.org/officeDocument/2006/customXml" ds:itemID="{58F27966-3A7E-4CEB-88DE-5139210437D0}">
  <ds:schemaRefs/>
</ds:datastoreItem>
</file>

<file path=customXml/itemProps9.xml><?xml version="1.0" encoding="utf-8"?>
<ds:datastoreItem xmlns:ds="http://schemas.openxmlformats.org/officeDocument/2006/customXml" ds:itemID="{24E5266E-7C3A-442F-BFD8-42D27B5A3F1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390</TotalTime>
  <Words>1178</Words>
  <Application>Microsoft Office PowerPoint</Application>
  <PresentationFormat>Breedbeeld</PresentationFormat>
  <Paragraphs>275</Paragraphs>
  <Slides>20</Slides>
  <Notes>8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4</vt:i4>
      </vt:variant>
      <vt:variant>
        <vt:lpstr>Thema</vt:lpstr>
      </vt:variant>
      <vt:variant>
        <vt:i4>1</vt:i4>
      </vt:variant>
      <vt:variant>
        <vt:lpstr>Diatitels</vt:lpstr>
      </vt:variant>
      <vt:variant>
        <vt:i4>20</vt:i4>
      </vt:variant>
    </vt:vector>
  </HeadingPairs>
  <TitlesOfParts>
    <vt:vector size="25" baseType="lpstr">
      <vt:lpstr>Arial</vt:lpstr>
      <vt:lpstr>Arial Black</vt:lpstr>
      <vt:lpstr>Calibri</vt:lpstr>
      <vt:lpstr>Wingdings</vt:lpstr>
      <vt:lpstr>Erasmus MC</vt:lpstr>
      <vt:lpstr>Rives-stoppa (retro-rectus) Mesh Repair</vt:lpstr>
      <vt:lpstr>Background</vt:lpstr>
      <vt:lpstr>background</vt:lpstr>
      <vt:lpstr>Objective</vt:lpstr>
      <vt:lpstr>Objective</vt:lpstr>
      <vt:lpstr>Literature search</vt:lpstr>
      <vt:lpstr>results</vt:lpstr>
      <vt:lpstr>Results</vt:lpstr>
      <vt:lpstr>Results</vt:lpstr>
      <vt:lpstr>results</vt:lpstr>
      <vt:lpstr>results</vt:lpstr>
      <vt:lpstr>Results</vt:lpstr>
      <vt:lpstr>Results</vt:lpstr>
      <vt:lpstr>limitations</vt:lpstr>
      <vt:lpstr>conclusions</vt:lpstr>
      <vt:lpstr>Future?</vt:lpstr>
      <vt:lpstr>Acknowledgements</vt:lpstr>
      <vt:lpstr>Merci à tous</vt:lpstr>
      <vt:lpstr>PowerPoint-presentatie</vt:lpstr>
      <vt:lpstr>Howard et al. Jama 2022</vt:lpstr>
    </vt:vector>
  </TitlesOfParts>
  <Company>Erasmus MC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e</dc:title>
  <dc:creator>P. van Rikxoort</dc:creator>
  <cp:lastModifiedBy>Floris den Hartog</cp:lastModifiedBy>
  <cp:revision>125</cp:revision>
  <dcterms:created xsi:type="dcterms:W3CDTF">2022-06-06T08:48:32Z</dcterms:created>
  <dcterms:modified xsi:type="dcterms:W3CDTF">2022-06-16T07:44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1-27T09:54:26</vt:lpwstr>
  </property>
  <property fmtid="{D5CDD505-2E9C-101B-9397-08002B2CF9AE}" pid="3" name="ContentTypeId">
    <vt:lpwstr>0x0101009C3CCF29AC71D4428C978BA42A6A441C</vt:lpwstr>
  </property>
  <property fmtid="{D5CDD505-2E9C-101B-9397-08002B2CF9AE}" pid="4" name="TemplafyTenantId">
    <vt:lpwstr>erasmusmc</vt:lpwstr>
  </property>
  <property fmtid="{D5CDD505-2E9C-101B-9397-08002B2CF9AE}" pid="5" name="TemplafyTemplateId">
    <vt:lpwstr>637723270878197779</vt:lpwstr>
  </property>
  <property fmtid="{D5CDD505-2E9C-101B-9397-08002B2CF9AE}" pid="6" name="TemplafyUserProfileId">
    <vt:lpwstr>637739001573073058</vt:lpwstr>
  </property>
  <property fmtid="{D5CDD505-2E9C-101B-9397-08002B2CF9AE}" pid="7" name="TemplafyFromBlank">
    <vt:bool>false</vt:bool>
  </property>
</Properties>
</file>